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GF 3º Quadrim 2019 PUBLICAÇÃO-CONSOLIDADO\"/>
    </mc:Choice>
  </mc:AlternateContent>
  <bookViews>
    <workbookView xWindow="0" yWindow="0" windowWidth="20490" windowHeight="7650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162913"/>
</workbook>
</file>

<file path=xl/sharedStrings.xml><?xml version="1.0" encoding="utf-8"?>
<sst xmlns="http://schemas.openxmlformats.org/spreadsheetml/2006/main" count="585" uniqueCount="270">
  <si>
    <t>ESTADO DE MATO GROSSO DO SUL</t>
  </si>
  <si>
    <t>Relatório de Gestão Fiscal - Consolidado</t>
  </si>
  <si>
    <t>Anexo 1 - Demonstrativo da Despesa com Pessoal</t>
  </si>
  <si>
    <t>Orçamentos Fiscal e da Seguridade Social</t>
  </si>
  <si>
    <t>Setembro até Dezembro - 3º Quadrimestre/2019</t>
  </si>
  <si>
    <t>LRF, Art. 55, inciso I, alínea "a"</t>
  </si>
  <si>
    <t>Nº</t>
  </si>
  <si>
    <t/>
  </si>
  <si>
    <t>DESPESA COM PESSOAL</t>
  </si>
  <si>
    <t>Despesas Liquidadas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   Benefícios Previdenciários</t>
  </si>
  <si>
    <t>0,00</t>
  </si>
  <si>
    <t>6</t>
  </si>
  <si>
    <t xml:space="preserve">   Pessoal Inativo e Pensionistas</t>
  </si>
  <si>
    <t>7</t>
  </si>
  <si>
    <t xml:space="preserve">      Aposentadorias, Reserva e Reformas</t>
  </si>
  <si>
    <t>8</t>
  </si>
  <si>
    <t xml:space="preserve">      Pensões</t>
  </si>
  <si>
    <t>9</t>
  </si>
  <si>
    <t xml:space="preserve">      Outros Benefícios Previdenciários</t>
  </si>
  <si>
    <t>10</t>
  </si>
  <si>
    <t xml:space="preserve">   Outras despesas de pessoal decorrentes de contratos de terceirização ou de contratação de forma indireta (§ 1º do art. 18 da LRF)</t>
  </si>
  <si>
    <t>11</t>
  </si>
  <si>
    <t xml:space="preserve">DESPESAS NÃO COMPUTADAS (II) (§ 1º do art. 19 da LRF) </t>
  </si>
  <si>
    <t>12</t>
  </si>
  <si>
    <t xml:space="preserve">   Indenizações por Demissão e Incentivos à Demissão Voluntária</t>
  </si>
  <si>
    <t>13</t>
  </si>
  <si>
    <t xml:space="preserve">   Decorrentes de Decisão Judicial de período anterior ao da apuração</t>
  </si>
  <si>
    <t>14</t>
  </si>
  <si>
    <t xml:space="preserve">   Despesas de Exercícios Anteriores de período anterior ao da apuração</t>
  </si>
  <si>
    <t>15</t>
  </si>
  <si>
    <t xml:space="preserve">   Inativos e Pensionistas com Recursos Vinculados</t>
  </si>
  <si>
    <t>16</t>
  </si>
  <si>
    <t>DESPESA LÍQUIDA COM PESSOAL (III) = (I - II)</t>
  </si>
  <si>
    <t>APURAÇÃO DO CUMPRIMENTO DO LIMITE LEGAL</t>
  </si>
  <si>
    <t>Valor</t>
  </si>
  <si>
    <t>% Sobre a RCL Ajustada</t>
  </si>
  <si>
    <t>17</t>
  </si>
  <si>
    <t>RECEITA CORRENTE LÍQUIDA - RCL (IV)</t>
  </si>
  <si>
    <t>18</t>
  </si>
  <si>
    <t>(-) Transferências obrigatórias da União relativas às emendas individuais (V)  (§ 13, art. 166 da CF)</t>
  </si>
  <si>
    <t>19</t>
  </si>
  <si>
    <t>= RECEITA CORRENTE LÍQUIDA AJUSTADA (VI)</t>
  </si>
  <si>
    <t>20</t>
  </si>
  <si>
    <t>DESPESA TOTAL COM PESSOAL - DTP (VII) = (III a + III b)</t>
  </si>
  <si>
    <t>21</t>
  </si>
  <si>
    <t>LIMITE MÁXIMO (incisos I, II e III do art.20 da LRF) - 60% DA RCL</t>
  </si>
  <si>
    <t>22</t>
  </si>
  <si>
    <t>LIMITE PRUDENCIAL (parágrafo único do art.22 da LRF) - 57% DA RCL</t>
  </si>
  <si>
    <t>23</t>
  </si>
  <si>
    <t>LIMITE DE ALERTA (inciso II do § 1º do art. 59 da LRF) - 54% DA RCL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e)</t>
  </si>
  <si>
    <t>% DTP (i)</t>
  </si>
  <si>
    <t>24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9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RECEITA CORRENTE LÍQUIDA - RCL</t>
  </si>
  <si>
    <t>27</t>
  </si>
  <si>
    <t>% DA DC sobre a RCL (I/RCL)</t>
  </si>
  <si>
    <t>28</t>
  </si>
  <si>
    <t>% DA DCL Sobre a RCL (III/RCL)</t>
  </si>
  <si>
    <t>29</t>
  </si>
  <si>
    <t>LIMITE DEFINIDO POR RESOLUÇÃO DO SENADO FEDERAL - 200%</t>
  </si>
  <si>
    <t>30</t>
  </si>
  <si>
    <t>LIMITE DE ALERTA - (inciso III do § 1º do art. 59 da LRF) - 180%</t>
  </si>
  <si>
    <t>OUTROS VALORES NÃO INTEGRANTES DA DC</t>
  </si>
  <si>
    <t>31</t>
  </si>
  <si>
    <t>PRECATÓRIOS ANTERIORES A 05/05/2000</t>
  </si>
  <si>
    <t>32</t>
  </si>
  <si>
    <t>PRECATÓRIOS POSTERIORES A 05/05/2000 (não incluídos na DC)³</t>
  </si>
  <si>
    <t>33</t>
  </si>
  <si>
    <t>PASSIVO ATUARIAL</t>
  </si>
  <si>
    <t>34</t>
  </si>
  <si>
    <t>INSUFICIÊNCIA FINANCEIRA</t>
  </si>
  <si>
    <t>35</t>
  </si>
  <si>
    <t>DEPÓSITOS E CONSIGNAÇÕES SEM CONTRAPARTIDA</t>
  </si>
  <si>
    <t>36</t>
  </si>
  <si>
    <t xml:space="preserve">RP NÃO-PROCESSADOS </t>
  </si>
  <si>
    <t>37</t>
  </si>
  <si>
    <t>ANTECIPAÇÕES DE RECEITA ORÇAMENTÁRIA - ARO</t>
  </si>
  <si>
    <t>38</t>
  </si>
  <si>
    <t>DÍVIDA CONTRATUAL DE PPP</t>
  </si>
  <si>
    <t>39</t>
  </si>
  <si>
    <t>APROPRIAÇÃO DE DEPÓSITOS JUDICIAIS - LC 151/2015</t>
  </si>
  <si>
    <t xml:space="preserve"> TRAJETÓRIA DE RETORNO AO LIMITE DA DESPESA TOTAL COM PESSOAL</t>
  </si>
  <si>
    <t>Quadrimestre do Exercício em que o ente excedeu o limite</t>
  </si>
  <si>
    <t>% DCL (b)</t>
  </si>
  <si>
    <t>% DCL (f)</t>
  </si>
  <si>
    <t>Redutor Residual (g) = (f-a)</t>
  </si>
  <si>
    <t>% DCL (i)</t>
  </si>
  <si>
    <t>Terceiro período seguinte</t>
  </si>
  <si>
    <t>Redutor Residual (j) = (i-a)</t>
  </si>
  <si>
    <t>Limite (k) = (a)</t>
  </si>
  <si>
    <t>% DCL (l)</t>
  </si>
  <si>
    <t>40</t>
  </si>
  <si>
    <t>Trajetória de retorno ao Limite da DCL</t>
  </si>
  <si>
    <t>Anexo 3 - Demonstrativo das Garantias e Contragarantias de Valores</t>
  </si>
  <si>
    <t>Art. 55, inciso I, alínea "c" e art. 40, § 1º</t>
  </si>
  <si>
    <t>GARANTIAS CONCEDIDAS</t>
  </si>
  <si>
    <t>AOS ESTADOS (I)</t>
  </si>
  <si>
    <t xml:space="preserve">   Em Operações de Crédito Externas </t>
  </si>
  <si>
    <t xml:space="preserve">   Em Operações de Crédito Internas</t>
  </si>
  <si>
    <t>AOS MUNICÍPIOS (II)</t>
  </si>
  <si>
    <t>ÀS ENTIDADES CONTROLADAS (III)</t>
  </si>
  <si>
    <t xml:space="preserve">   Em Operações de Crédito Externas</t>
  </si>
  <si>
    <t>POR MEIO DE FUNDOS E PROGRAMAS (IV)</t>
  </si>
  <si>
    <t>TOTAL GARANTIAS CONCEDIDAS (V) = (I + II + III + IV)</t>
  </si>
  <si>
    <t>RECEITA CORRENTE LÍQUIDA - RCL (VI)</t>
  </si>
  <si>
    <t>% do TOTAL DAS GARANTIAS sobre a RCL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Em Garantia às operações de Crédito Internas</t>
  </si>
  <si>
    <t>DOS MUNICÍPIOS (VIII)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 (I)</t>
  </si>
  <si>
    <t xml:space="preserve">   Antecipações de Receitas pela Venda a Termo de Bens e Serviços </t>
  </si>
  <si>
    <t xml:space="preserve">   Operações de crédito previstas no art. 7º § 3º da RSF nº 43/2001¹ (II)</t>
  </si>
  <si>
    <t>TOTAL (III)</t>
  </si>
  <si>
    <t>APURAÇÃO DO CUMPRIMENTO DOS LIMITES</t>
  </si>
  <si>
    <t>% Sobre a RCL</t>
  </si>
  <si>
    <t>RECEITA CORRENTE LÍQUIDA – RCL (IV)</t>
  </si>
  <si>
    <t>OPERAÇÕES VEDADAS (V)</t>
  </si>
  <si>
    <t>TOTAL CONSIDERADO PARA FINS DA APURAÇÃO DO CUMPRIMENTO DO LIMITE (VI)= (IIIa + V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Ordinári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Plano Previdenciário</t>
  </si>
  <si>
    <t xml:space="preserve">   Recursos Vinculados  ao RPPS - Plano Financeiro</t>
  </si>
  <si>
    <t xml:space="preserve">   Recursos de Operações de Crédito (exceto vinculados à Educação e à Saúde)</t>
  </si>
  <si>
    <t xml:space="preserve">   Recursos de Alienação de Bens/Ativos</t>
  </si>
  <si>
    <t xml:space="preserve">   Outros Recursos Vinculados</t>
  </si>
  <si>
    <t>TOTAL (III) = (I + II)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Receita Corrente líquida Ajustada</t>
  </si>
  <si>
    <t>Despesa Total com Pessoal - DTP</t>
  </si>
  <si>
    <t>Divida Consolidada Liquida</t>
  </si>
  <si>
    <t>Limite Definido por Resolução do Senado Federal</t>
  </si>
  <si>
    <t>GARANTIAS DE VALORES</t>
  </si>
  <si>
    <t>Total das Garantias Concedidas</t>
  </si>
  <si>
    <t>Operações de Crédito Externas e In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89.7109375" bestFit="1" customWidth="1"/>
    <col min="3" max="3" width="20.140625" bestFit="1" customWidth="1"/>
    <col min="4" max="4" width="17.42578125" bestFit="1" customWidth="1"/>
    <col min="5" max="10" width="17.28515625" bestFit="1" customWidth="1"/>
    <col min="11" max="12" width="19" bestFit="1" customWidth="1"/>
    <col min="13" max="13" width="17.28515625" bestFit="1" customWidth="1"/>
    <col min="14" max="14" width="19" bestFit="1" customWidth="1"/>
    <col min="15" max="15" width="20.140625" bestFit="1" customWidth="1"/>
    <col min="16" max="16" width="14.85546875" bestFit="1" customWidth="1"/>
  </cols>
  <sheetData>
    <row r="3" spans="1:16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</row>
    <row r="4" spans="1:16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</row>
    <row r="5" spans="1:16" x14ac:dyDescent="0.25">
      <c r="A5" s="9" t="s">
        <v>2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</row>
    <row r="6" spans="1:16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</row>
    <row r="7" spans="1:16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</row>
    <row r="9" spans="1:16" x14ac:dyDescent="0.25">
      <c r="A9" s="10" t="s">
        <v>5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</row>
    <row r="10" spans="1:16" x14ac:dyDescent="0.25">
      <c r="A10" s="11" t="s">
        <v>6</v>
      </c>
      <c r="B10" s="11" t="s">
        <v>8</v>
      </c>
      <c r="C10" s="11" t="s">
        <v>9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7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7</v>
      </c>
      <c r="O10" s="11" t="s">
        <v>7</v>
      </c>
      <c r="P10" s="11" t="s">
        <v>23</v>
      </c>
    </row>
    <row r="11" spans="1:16" ht="52.5" x14ac:dyDescent="0.25">
      <c r="A11" s="11" t="s">
        <v>7</v>
      </c>
      <c r="B11" s="11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1" t="s">
        <v>7</v>
      </c>
    </row>
    <row r="12" spans="1:16" x14ac:dyDescent="0.25">
      <c r="A12" s="4" t="s">
        <v>24</v>
      </c>
      <c r="B12" s="6" t="s">
        <v>25</v>
      </c>
      <c r="C12" s="12">
        <v>1068102978.6900001</v>
      </c>
      <c r="D12" s="12">
        <v>760943413.36000001</v>
      </c>
      <c r="E12" s="12">
        <v>759285865.30999994</v>
      </c>
      <c r="F12" s="12">
        <v>740558515.74000001</v>
      </c>
      <c r="G12" s="12">
        <v>792291149.13999999</v>
      </c>
      <c r="H12" s="12">
        <v>746306377.96000004</v>
      </c>
      <c r="I12" s="12">
        <v>819840100.05999994</v>
      </c>
      <c r="J12" s="12">
        <v>565166511.73000002</v>
      </c>
      <c r="K12" s="12">
        <v>1022177174.09</v>
      </c>
      <c r="L12" s="12">
        <v>1264088132.1400001</v>
      </c>
      <c r="M12" s="12">
        <v>685271857.35000002</v>
      </c>
      <c r="N12" s="12">
        <v>1200581731.45</v>
      </c>
      <c r="O12" s="12">
        <v>10424613807.02</v>
      </c>
      <c r="P12" s="12">
        <v>2056963.62</v>
      </c>
    </row>
    <row r="13" spans="1:16" x14ac:dyDescent="0.25">
      <c r="A13" s="4" t="s">
        <v>26</v>
      </c>
      <c r="B13" s="6" t="s">
        <v>27</v>
      </c>
      <c r="C13" s="12">
        <v>591754484.99000001</v>
      </c>
      <c r="D13" s="12">
        <v>519477522.98000002</v>
      </c>
      <c r="E13" s="12">
        <v>503229856.13</v>
      </c>
      <c r="F13" s="12">
        <v>497097000.43000001</v>
      </c>
      <c r="G13" s="12">
        <v>527856959.85000002</v>
      </c>
      <c r="H13" s="12">
        <v>529140873.24000001</v>
      </c>
      <c r="I13" s="12">
        <v>484441465.25</v>
      </c>
      <c r="J13" s="12">
        <v>358017171.44999999</v>
      </c>
      <c r="K13" s="12">
        <v>709563724.64999998</v>
      </c>
      <c r="L13" s="12">
        <v>999086535.25</v>
      </c>
      <c r="M13" s="12">
        <v>529096127.18000001</v>
      </c>
      <c r="N13" s="12">
        <v>918982799.24000001</v>
      </c>
      <c r="O13" s="12">
        <v>7167744520.6400003</v>
      </c>
      <c r="P13" s="12">
        <v>2044184.07</v>
      </c>
    </row>
    <row r="14" spans="1:16" x14ac:dyDescent="0.25">
      <c r="A14" s="3" t="s">
        <v>28</v>
      </c>
      <c r="B14" s="5" t="s">
        <v>29</v>
      </c>
      <c r="C14" s="13">
        <v>432699213.38999999</v>
      </c>
      <c r="D14" s="13">
        <v>365804621.52999997</v>
      </c>
      <c r="E14" s="13">
        <v>372975125.14999998</v>
      </c>
      <c r="F14" s="13">
        <v>366880135.23000002</v>
      </c>
      <c r="G14" s="13">
        <v>396344166.94</v>
      </c>
      <c r="H14" s="13">
        <v>397255164.49000001</v>
      </c>
      <c r="I14" s="13">
        <v>357694504.60000002</v>
      </c>
      <c r="J14" s="13">
        <v>282141795.95999998</v>
      </c>
      <c r="K14" s="13">
        <v>476501331.82999998</v>
      </c>
      <c r="L14" s="13">
        <v>381689894.63999999</v>
      </c>
      <c r="M14" s="13">
        <v>330066376.24000001</v>
      </c>
      <c r="N14" s="13">
        <v>613822963.58000004</v>
      </c>
      <c r="O14" s="13">
        <v>4773875293.5799999</v>
      </c>
      <c r="P14" s="13">
        <v>2042898.13</v>
      </c>
    </row>
    <row r="15" spans="1:16" x14ac:dyDescent="0.25">
      <c r="A15" s="3" t="s">
        <v>30</v>
      </c>
      <c r="B15" s="5" t="s">
        <v>31</v>
      </c>
      <c r="C15" s="13">
        <v>157761702.87</v>
      </c>
      <c r="D15" s="13">
        <v>152805507.16</v>
      </c>
      <c r="E15" s="13">
        <v>128743685.06</v>
      </c>
      <c r="F15" s="13">
        <v>127882067.76000001</v>
      </c>
      <c r="G15" s="13">
        <v>130591542.52</v>
      </c>
      <c r="H15" s="13">
        <v>130452087.93000001</v>
      </c>
      <c r="I15" s="13">
        <v>124578690.68000001</v>
      </c>
      <c r="J15" s="13">
        <v>74656022.629999995</v>
      </c>
      <c r="K15" s="13">
        <v>230535234.44</v>
      </c>
      <c r="L15" s="13">
        <v>615594544.44000006</v>
      </c>
      <c r="M15" s="13">
        <v>197284468.56</v>
      </c>
      <c r="N15" s="13">
        <v>304066697.70999998</v>
      </c>
      <c r="O15" s="13">
        <v>2374952251.7600002</v>
      </c>
      <c r="P15" s="13">
        <v>1285.94</v>
      </c>
    </row>
    <row r="16" spans="1:16" x14ac:dyDescent="0.25">
      <c r="A16" s="3" t="s">
        <v>32</v>
      </c>
      <c r="B16" s="5" t="s">
        <v>33</v>
      </c>
      <c r="C16" s="13">
        <v>1293568.73</v>
      </c>
      <c r="D16" s="13">
        <v>867394.29</v>
      </c>
      <c r="E16" s="13">
        <v>1511045.92</v>
      </c>
      <c r="F16" s="13">
        <v>2334797.44</v>
      </c>
      <c r="G16" s="13">
        <v>921250.39</v>
      </c>
      <c r="H16" s="13">
        <v>1433620.82</v>
      </c>
      <c r="I16" s="13">
        <v>2168269.9700000002</v>
      </c>
      <c r="J16" s="13">
        <v>1219352.8600000001</v>
      </c>
      <c r="K16" s="13">
        <v>2527158.38</v>
      </c>
      <c r="L16" s="13">
        <v>1802096.17</v>
      </c>
      <c r="M16" s="13">
        <v>1745282.38</v>
      </c>
      <c r="N16" s="13">
        <v>1093137.95</v>
      </c>
      <c r="O16" s="13">
        <v>18916975.300000001</v>
      </c>
      <c r="P16" s="13">
        <v>0</v>
      </c>
    </row>
    <row r="17" spans="1:16" x14ac:dyDescent="0.25">
      <c r="A17" s="4" t="s">
        <v>35</v>
      </c>
      <c r="B17" s="6" t="s">
        <v>36</v>
      </c>
      <c r="C17" s="12">
        <v>476348493.69999999</v>
      </c>
      <c r="D17" s="12">
        <v>241465890.38</v>
      </c>
      <c r="E17" s="12">
        <v>256056009.18000001</v>
      </c>
      <c r="F17" s="12">
        <v>243461515.31</v>
      </c>
      <c r="G17" s="12">
        <v>264434189.28999999</v>
      </c>
      <c r="H17" s="12">
        <v>217165504.72</v>
      </c>
      <c r="I17" s="12">
        <v>335398634.81</v>
      </c>
      <c r="J17" s="12">
        <v>207149340.28</v>
      </c>
      <c r="K17" s="12">
        <v>312613449.44</v>
      </c>
      <c r="L17" s="12">
        <v>265001596.88999999</v>
      </c>
      <c r="M17" s="12">
        <v>156175730.16999999</v>
      </c>
      <c r="N17" s="12">
        <v>281598932.20999998</v>
      </c>
      <c r="O17" s="12">
        <v>3256869286.3800001</v>
      </c>
      <c r="P17" s="12">
        <v>12779.55</v>
      </c>
    </row>
    <row r="18" spans="1:16" x14ac:dyDescent="0.25">
      <c r="A18" s="3" t="s">
        <v>37</v>
      </c>
      <c r="B18" s="5" t="s">
        <v>38</v>
      </c>
      <c r="C18" s="13">
        <v>416109178.55000001</v>
      </c>
      <c r="D18" s="13">
        <v>209536095.72</v>
      </c>
      <c r="E18" s="13">
        <v>221432718.28</v>
      </c>
      <c r="F18" s="13">
        <v>212031295.71000001</v>
      </c>
      <c r="G18" s="13">
        <v>229429725.81999999</v>
      </c>
      <c r="H18" s="13">
        <v>184191454.84999999</v>
      </c>
      <c r="I18" s="13">
        <v>301184348.25999999</v>
      </c>
      <c r="J18" s="13">
        <v>183309575.81</v>
      </c>
      <c r="K18" s="13">
        <v>268262022.52000001</v>
      </c>
      <c r="L18" s="13">
        <v>231022235.11000001</v>
      </c>
      <c r="M18" s="13">
        <v>132882989.89</v>
      </c>
      <c r="N18" s="13">
        <v>246623074.37</v>
      </c>
      <c r="O18" s="13">
        <v>2836014714.8899999</v>
      </c>
      <c r="P18" s="13">
        <v>0</v>
      </c>
    </row>
    <row r="19" spans="1:16" x14ac:dyDescent="0.25">
      <c r="A19" s="3" t="s">
        <v>39</v>
      </c>
      <c r="B19" s="5" t="s">
        <v>40</v>
      </c>
      <c r="C19" s="13">
        <v>59489283.810000002</v>
      </c>
      <c r="D19" s="13">
        <v>31540483.57</v>
      </c>
      <c r="E19" s="13">
        <v>34189500.07</v>
      </c>
      <c r="F19" s="13">
        <v>30984897.199999999</v>
      </c>
      <c r="G19" s="13">
        <v>34642463.890000001</v>
      </c>
      <c r="H19" s="13">
        <v>32585765.48</v>
      </c>
      <c r="I19" s="13">
        <v>33798470.909999996</v>
      </c>
      <c r="J19" s="13">
        <v>23500186.559999999</v>
      </c>
      <c r="K19" s="13">
        <v>43961888.060000002</v>
      </c>
      <c r="L19" s="13">
        <v>33574063.619999997</v>
      </c>
      <c r="M19" s="13">
        <v>22917231.710000001</v>
      </c>
      <c r="N19" s="13">
        <v>34914238.32</v>
      </c>
      <c r="O19" s="13">
        <v>416098473.19999999</v>
      </c>
      <c r="P19" s="13">
        <v>0</v>
      </c>
    </row>
    <row r="20" spans="1:16" x14ac:dyDescent="0.25">
      <c r="A20" s="3" t="s">
        <v>41</v>
      </c>
      <c r="B20" s="5" t="s">
        <v>42</v>
      </c>
      <c r="C20" s="13">
        <v>750031.34</v>
      </c>
      <c r="D20" s="13">
        <v>389311.09</v>
      </c>
      <c r="E20" s="13">
        <v>433790.83</v>
      </c>
      <c r="F20" s="13">
        <v>445322.4</v>
      </c>
      <c r="G20" s="13">
        <v>361999.58</v>
      </c>
      <c r="H20" s="13">
        <v>388284.39</v>
      </c>
      <c r="I20" s="13">
        <v>415815.64</v>
      </c>
      <c r="J20" s="13">
        <v>339577.91</v>
      </c>
      <c r="K20" s="13">
        <v>389538.86</v>
      </c>
      <c r="L20" s="13">
        <v>405298.16</v>
      </c>
      <c r="M20" s="13">
        <v>375508.57</v>
      </c>
      <c r="N20" s="13">
        <v>61619.519999999997</v>
      </c>
      <c r="O20" s="13">
        <v>4756098.29</v>
      </c>
      <c r="P20" s="13">
        <v>12779.55</v>
      </c>
    </row>
    <row r="21" spans="1:16" x14ac:dyDescent="0.25">
      <c r="A21" s="3" t="s">
        <v>43</v>
      </c>
      <c r="B21" s="5" t="s">
        <v>44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3">
        <v>0</v>
      </c>
      <c r="K21" s="13">
        <v>0</v>
      </c>
      <c r="L21" s="13">
        <v>0</v>
      </c>
      <c r="M21" s="13">
        <v>0</v>
      </c>
      <c r="N21" s="13">
        <v>0</v>
      </c>
      <c r="O21" s="13">
        <v>0</v>
      </c>
      <c r="P21" s="13">
        <v>0</v>
      </c>
    </row>
    <row r="22" spans="1:16" x14ac:dyDescent="0.25">
      <c r="A22" s="4" t="s">
        <v>45</v>
      </c>
      <c r="B22" s="6" t="s">
        <v>46</v>
      </c>
      <c r="C22" s="12">
        <v>500700109.06</v>
      </c>
      <c r="D22" s="12">
        <v>277041665.79000002</v>
      </c>
      <c r="E22" s="12">
        <v>264840524.46000001</v>
      </c>
      <c r="F22" s="12">
        <v>266068009.78</v>
      </c>
      <c r="G22" s="12">
        <v>287084576.70999998</v>
      </c>
      <c r="H22" s="12">
        <v>243666542.80000001</v>
      </c>
      <c r="I22" s="12">
        <v>362215470.29000002</v>
      </c>
      <c r="J22" s="12">
        <v>235257448.34999999</v>
      </c>
      <c r="K22" s="12">
        <v>342032174.38</v>
      </c>
      <c r="L22" s="12">
        <v>292322984.07999998</v>
      </c>
      <c r="M22" s="12">
        <v>164313209.36000001</v>
      </c>
      <c r="N22" s="12">
        <v>274401087.75999999</v>
      </c>
      <c r="O22" s="12">
        <v>3509943802.8200002</v>
      </c>
      <c r="P22" s="12">
        <v>12779.55</v>
      </c>
    </row>
    <row r="23" spans="1:16" x14ac:dyDescent="0.25">
      <c r="A23" s="3" t="s">
        <v>47</v>
      </c>
      <c r="B23" s="5" t="s">
        <v>48</v>
      </c>
      <c r="C23" s="13">
        <v>7568612.1100000003</v>
      </c>
      <c r="D23" s="13">
        <v>5343820.96</v>
      </c>
      <c r="E23" s="13">
        <v>6657223.8099999996</v>
      </c>
      <c r="F23" s="13">
        <v>6741870.3099999996</v>
      </c>
      <c r="G23" s="13">
        <v>5114800.6900000004</v>
      </c>
      <c r="H23" s="13">
        <v>5038908.46</v>
      </c>
      <c r="I23" s="13">
        <v>5443386.54</v>
      </c>
      <c r="J23" s="13">
        <v>6817513.54</v>
      </c>
      <c r="K23" s="13">
        <v>6671604.8200000003</v>
      </c>
      <c r="L23" s="13">
        <v>5067926.53</v>
      </c>
      <c r="M23" s="13">
        <v>5728049.7999999998</v>
      </c>
      <c r="N23" s="13">
        <v>1387637.36</v>
      </c>
      <c r="O23" s="13">
        <v>67581354.930000007</v>
      </c>
      <c r="P23" s="13">
        <v>0</v>
      </c>
    </row>
    <row r="24" spans="1:16" x14ac:dyDescent="0.25">
      <c r="A24" s="3" t="s">
        <v>49</v>
      </c>
      <c r="B24" s="5" t="s">
        <v>50</v>
      </c>
      <c r="C24" s="13">
        <v>14125516.470000001</v>
      </c>
      <c r="D24" s="13">
        <v>14135241.91</v>
      </c>
      <c r="E24" s="13">
        <v>8405.51</v>
      </c>
      <c r="F24" s="13">
        <v>14124928.890000001</v>
      </c>
      <c r="G24" s="13">
        <v>15708205.960000001</v>
      </c>
      <c r="H24" s="13">
        <v>19575802.609999999</v>
      </c>
      <c r="I24" s="13">
        <v>19599063.059999999</v>
      </c>
      <c r="J24" s="13">
        <v>19776088.210000001</v>
      </c>
      <c r="K24" s="13">
        <v>19753730.030000001</v>
      </c>
      <c r="L24" s="13">
        <v>19724914.780000001</v>
      </c>
      <c r="M24" s="13">
        <v>5436.9</v>
      </c>
      <c r="N24" s="13">
        <v>19806581.030000001</v>
      </c>
      <c r="O24" s="13">
        <v>176343915.36000001</v>
      </c>
      <c r="P24" s="13">
        <v>0</v>
      </c>
    </row>
    <row r="25" spans="1:16" x14ac:dyDescent="0.25">
      <c r="A25" s="3" t="s">
        <v>51</v>
      </c>
      <c r="B25" s="5" t="s">
        <v>52</v>
      </c>
      <c r="C25" s="13">
        <v>2667825.58</v>
      </c>
      <c r="D25" s="13">
        <v>16107051.34</v>
      </c>
      <c r="E25" s="13">
        <v>2129224.7599999998</v>
      </c>
      <c r="F25" s="13">
        <v>1750034.07</v>
      </c>
      <c r="G25" s="13">
        <v>1837719.57</v>
      </c>
      <c r="H25" s="13">
        <v>1896665.81</v>
      </c>
      <c r="I25" s="13">
        <v>1784724.68</v>
      </c>
      <c r="J25" s="13">
        <v>1524845.12</v>
      </c>
      <c r="K25" s="13">
        <v>3004497.76</v>
      </c>
      <c r="L25" s="13">
        <v>2539433.4900000002</v>
      </c>
      <c r="M25" s="13">
        <v>2415569.2599999998</v>
      </c>
      <c r="N25" s="13">
        <v>1916842.24</v>
      </c>
      <c r="O25" s="13">
        <v>39574433.68</v>
      </c>
      <c r="P25" s="13">
        <v>0</v>
      </c>
    </row>
    <row r="26" spans="1:16" x14ac:dyDescent="0.25">
      <c r="A26" s="3" t="s">
        <v>53</v>
      </c>
      <c r="B26" s="5" t="s">
        <v>54</v>
      </c>
      <c r="C26" s="13">
        <v>476338154.89999998</v>
      </c>
      <c r="D26" s="13">
        <v>241455551.58000001</v>
      </c>
      <c r="E26" s="13">
        <v>256045670.38</v>
      </c>
      <c r="F26" s="13">
        <v>243451176.50999999</v>
      </c>
      <c r="G26" s="13">
        <v>264423850.49000001</v>
      </c>
      <c r="H26" s="13">
        <v>217155165.91999999</v>
      </c>
      <c r="I26" s="13">
        <v>335388296.00999999</v>
      </c>
      <c r="J26" s="13">
        <v>207139001.47999999</v>
      </c>
      <c r="K26" s="13">
        <v>312602341.76999998</v>
      </c>
      <c r="L26" s="13">
        <v>264990709.28</v>
      </c>
      <c r="M26" s="13">
        <v>156164153.40000001</v>
      </c>
      <c r="N26" s="13">
        <v>251290027.13</v>
      </c>
      <c r="O26" s="13">
        <v>3226444098.8499999</v>
      </c>
      <c r="P26" s="13">
        <v>12779.55</v>
      </c>
    </row>
    <row r="27" spans="1:16" x14ac:dyDescent="0.25">
      <c r="A27" s="4" t="s">
        <v>55</v>
      </c>
      <c r="B27" s="6" t="s">
        <v>56</v>
      </c>
      <c r="C27" s="12">
        <v>567402869.63</v>
      </c>
      <c r="D27" s="12">
        <v>483901747.56999999</v>
      </c>
      <c r="E27" s="12">
        <v>494445340.85000002</v>
      </c>
      <c r="F27" s="12">
        <v>474490505.95999998</v>
      </c>
      <c r="G27" s="12">
        <v>505206572.43000001</v>
      </c>
      <c r="H27" s="12">
        <v>502639835.16000003</v>
      </c>
      <c r="I27" s="12">
        <v>457624629.76999998</v>
      </c>
      <c r="J27" s="12">
        <v>329909063.38</v>
      </c>
      <c r="K27" s="12">
        <v>680144999.71000004</v>
      </c>
      <c r="L27" s="12">
        <v>971765148.05999994</v>
      </c>
      <c r="M27" s="12">
        <v>520958647.99000001</v>
      </c>
      <c r="N27" s="12">
        <v>926180643.69000006</v>
      </c>
      <c r="O27" s="12">
        <v>6914670004.1999998</v>
      </c>
      <c r="P27" s="12">
        <v>2044184.07</v>
      </c>
    </row>
    <row r="29" spans="1:16" x14ac:dyDescent="0.25">
      <c r="A29" s="11" t="s">
        <v>6</v>
      </c>
      <c r="B29" s="11" t="s">
        <v>57</v>
      </c>
      <c r="C29" s="11" t="s">
        <v>58</v>
      </c>
      <c r="D29" s="11" t="s">
        <v>59</v>
      </c>
    </row>
    <row r="30" spans="1:16" x14ac:dyDescent="0.25">
      <c r="A30" s="11" t="s">
        <v>7</v>
      </c>
      <c r="B30" s="11" t="s">
        <v>7</v>
      </c>
      <c r="C30" s="11" t="s">
        <v>7</v>
      </c>
      <c r="D30" s="11" t="s">
        <v>7</v>
      </c>
    </row>
    <row r="31" spans="1:16" x14ac:dyDescent="0.25">
      <c r="A31" s="3" t="s">
        <v>60</v>
      </c>
      <c r="B31" s="5" t="s">
        <v>61</v>
      </c>
      <c r="C31" s="13">
        <v>12012249489.57</v>
      </c>
      <c r="D31" s="13">
        <v>100.05</v>
      </c>
    </row>
    <row r="32" spans="1:16" x14ac:dyDescent="0.25">
      <c r="A32" s="3" t="s">
        <v>62</v>
      </c>
      <c r="B32" s="5" t="s">
        <v>63</v>
      </c>
      <c r="C32" s="13">
        <v>6335492.9000000004</v>
      </c>
      <c r="D32" s="13">
        <v>0.05</v>
      </c>
    </row>
    <row r="33" spans="1:11" x14ac:dyDescent="0.25">
      <c r="A33" s="4" t="s">
        <v>64</v>
      </c>
      <c r="B33" s="6" t="s">
        <v>65</v>
      </c>
      <c r="C33" s="12">
        <v>12005913996.67</v>
      </c>
      <c r="D33" s="12">
        <v>100</v>
      </c>
    </row>
    <row r="34" spans="1:11" x14ac:dyDescent="0.25">
      <c r="A34" s="3" t="s">
        <v>66</v>
      </c>
      <c r="B34" s="5" t="s">
        <v>67</v>
      </c>
      <c r="C34" s="13">
        <v>6916714188.2700005</v>
      </c>
      <c r="D34" s="13">
        <v>57.61</v>
      </c>
    </row>
    <row r="35" spans="1:11" x14ac:dyDescent="0.25">
      <c r="A35" s="3" t="s">
        <v>68</v>
      </c>
      <c r="B35" s="5" t="s">
        <v>69</v>
      </c>
      <c r="C35" s="13">
        <v>7203548398</v>
      </c>
      <c r="D35" s="13">
        <v>60</v>
      </c>
    </row>
    <row r="36" spans="1:11" x14ac:dyDescent="0.25">
      <c r="A36" s="3" t="s">
        <v>70</v>
      </c>
      <c r="B36" s="5" t="s">
        <v>71</v>
      </c>
      <c r="C36" s="13">
        <v>6843370978.1000004</v>
      </c>
      <c r="D36" s="13">
        <v>57</v>
      </c>
    </row>
    <row r="37" spans="1:11" x14ac:dyDescent="0.25">
      <c r="A37" s="3" t="s">
        <v>72</v>
      </c>
      <c r="B37" s="5" t="s">
        <v>73</v>
      </c>
      <c r="C37" s="13">
        <v>6483193558.1999998</v>
      </c>
      <c r="D37" s="13">
        <v>54</v>
      </c>
    </row>
    <row r="39" spans="1:11" ht="22.5" customHeight="1" x14ac:dyDescent="0.25">
      <c r="A39" s="11" t="s">
        <v>6</v>
      </c>
      <c r="B39" s="11" t="s">
        <v>74</v>
      </c>
      <c r="C39" s="11" t="s">
        <v>75</v>
      </c>
      <c r="D39" s="11" t="s">
        <v>7</v>
      </c>
      <c r="E39" s="11" t="s">
        <v>7</v>
      </c>
      <c r="F39" s="11" t="s">
        <v>79</v>
      </c>
      <c r="G39" s="11" t="s">
        <v>7</v>
      </c>
      <c r="H39" s="11" t="s">
        <v>7</v>
      </c>
      <c r="I39" s="11" t="s">
        <v>83</v>
      </c>
      <c r="J39" s="11" t="s">
        <v>7</v>
      </c>
      <c r="K39" s="11" t="s">
        <v>83</v>
      </c>
    </row>
    <row r="40" spans="1:11" ht="63" x14ac:dyDescent="0.25">
      <c r="A40" s="11" t="s">
        <v>7</v>
      </c>
      <c r="B40" s="11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3" t="s">
        <v>87</v>
      </c>
      <c r="B41" s="5" t="s">
        <v>88</v>
      </c>
      <c r="C41" s="2" t="s">
        <v>34</v>
      </c>
      <c r="D41" s="2" t="s">
        <v>34</v>
      </c>
      <c r="E41" s="2" t="s">
        <v>34</v>
      </c>
      <c r="F41" s="2" t="s">
        <v>34</v>
      </c>
      <c r="G41" s="2" t="s">
        <v>34</v>
      </c>
      <c r="H41" s="2" t="s">
        <v>34</v>
      </c>
      <c r="I41" s="2" t="s">
        <v>34</v>
      </c>
      <c r="J41" s="2" t="s">
        <v>34</v>
      </c>
      <c r="K41" s="2" t="s">
        <v>34</v>
      </c>
    </row>
  </sheetData>
  <mergeCells count="19">
    <mergeCell ref="F39:H39"/>
    <mergeCell ref="I39:K39"/>
    <mergeCell ref="A29:A30"/>
    <mergeCell ref="B29:B30"/>
    <mergeCell ref="C29:C30"/>
    <mergeCell ref="D29:D30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7"/>
  <sheetViews>
    <sheetView showGridLines="0" workbookViewId="0"/>
  </sheetViews>
  <sheetFormatPr defaultRowHeight="15" x14ac:dyDescent="0.25"/>
  <cols>
    <col min="1" max="1" width="2.7109375" bestFit="1" customWidth="1"/>
    <col min="2" max="2" width="50.140625" bestFit="1" customWidth="1"/>
    <col min="3" max="6" width="19" bestFit="1" customWidth="1"/>
  </cols>
  <sheetData>
    <row r="3" spans="1:14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</row>
    <row r="4" spans="1:14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</row>
    <row r="5" spans="1:14" x14ac:dyDescent="0.25">
      <c r="A5" s="9" t="s">
        <v>89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</row>
    <row r="6" spans="1:14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</row>
    <row r="7" spans="1:14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</row>
    <row r="9" spans="1:14" x14ac:dyDescent="0.25">
      <c r="A9" s="10" t="s">
        <v>90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</row>
    <row r="10" spans="1:14" x14ac:dyDescent="0.25">
      <c r="A10" s="11" t="s">
        <v>6</v>
      </c>
      <c r="B10" s="11" t="s">
        <v>91</v>
      </c>
      <c r="C10" s="11" t="s">
        <v>92</v>
      </c>
      <c r="D10" s="11" t="s">
        <v>93</v>
      </c>
      <c r="E10" s="11" t="s">
        <v>7</v>
      </c>
      <c r="F10" s="11" t="s">
        <v>93</v>
      </c>
    </row>
    <row r="11" spans="1:14" ht="21" x14ac:dyDescent="0.25">
      <c r="A11" s="11" t="s">
        <v>7</v>
      </c>
      <c r="B11" s="11" t="s">
        <v>7</v>
      </c>
      <c r="C11" s="11" t="s">
        <v>7</v>
      </c>
      <c r="D11" s="1" t="s">
        <v>94</v>
      </c>
      <c r="E11" s="1" t="s">
        <v>95</v>
      </c>
      <c r="F11" s="1" t="s">
        <v>96</v>
      </c>
    </row>
    <row r="12" spans="1:14" x14ac:dyDescent="0.25">
      <c r="A12" s="4" t="s">
        <v>24</v>
      </c>
      <c r="B12" s="6" t="s">
        <v>97</v>
      </c>
      <c r="C12" s="12">
        <v>9141710365.2700005</v>
      </c>
      <c r="D12" s="12">
        <v>9173180005.2900009</v>
      </c>
      <c r="E12" s="12">
        <v>9137322949.7000008</v>
      </c>
      <c r="F12" s="12">
        <v>9026509619.5300007</v>
      </c>
    </row>
    <row r="13" spans="1:14" x14ac:dyDescent="0.25">
      <c r="A13" s="3" t="s">
        <v>26</v>
      </c>
      <c r="B13" s="5" t="s">
        <v>98</v>
      </c>
      <c r="C13" s="13">
        <v>0</v>
      </c>
      <c r="D13" s="13">
        <v>0</v>
      </c>
      <c r="E13" s="13">
        <v>0</v>
      </c>
      <c r="F13" s="13">
        <v>0</v>
      </c>
    </row>
    <row r="14" spans="1:14" x14ac:dyDescent="0.25">
      <c r="A14" s="4" t="s">
        <v>28</v>
      </c>
      <c r="B14" s="6" t="s">
        <v>99</v>
      </c>
      <c r="C14" s="12">
        <v>8401989307.1899996</v>
      </c>
      <c r="D14" s="12">
        <v>8475816248.0200005</v>
      </c>
      <c r="E14" s="12">
        <v>8514564736.0600004</v>
      </c>
      <c r="F14" s="12">
        <v>8434075438.4499998</v>
      </c>
    </row>
    <row r="15" spans="1:14" x14ac:dyDescent="0.25">
      <c r="A15" s="4" t="s">
        <v>30</v>
      </c>
      <c r="B15" s="6" t="s">
        <v>100</v>
      </c>
      <c r="C15" s="12">
        <v>2036637926.97</v>
      </c>
      <c r="D15" s="12">
        <v>2029134667.1199999</v>
      </c>
      <c r="E15" s="12">
        <v>2072199837.6800001</v>
      </c>
      <c r="F15" s="12">
        <v>1996465655.02</v>
      </c>
    </row>
    <row r="16" spans="1:14" x14ac:dyDescent="0.25">
      <c r="A16" s="3" t="s">
        <v>32</v>
      </c>
      <c r="B16" s="5" t="s">
        <v>101</v>
      </c>
      <c r="C16" s="13">
        <v>786947472.86000001</v>
      </c>
      <c r="D16" s="13">
        <v>758190315.78999996</v>
      </c>
      <c r="E16" s="13">
        <v>738976766.64999998</v>
      </c>
      <c r="F16" s="13">
        <v>707141867.28999996</v>
      </c>
    </row>
    <row r="17" spans="1:6" x14ac:dyDescent="0.25">
      <c r="A17" s="3" t="s">
        <v>35</v>
      </c>
      <c r="B17" s="5" t="s">
        <v>102</v>
      </c>
      <c r="C17" s="13">
        <v>1249690454.1099999</v>
      </c>
      <c r="D17" s="13">
        <v>1270944351.3299999</v>
      </c>
      <c r="E17" s="13">
        <v>1333223071.03</v>
      </c>
      <c r="F17" s="13">
        <v>1289323787.73</v>
      </c>
    </row>
    <row r="18" spans="1:6" x14ac:dyDescent="0.25">
      <c r="A18" s="3" t="s">
        <v>37</v>
      </c>
      <c r="B18" s="5" t="s">
        <v>103</v>
      </c>
      <c r="C18" s="13">
        <v>6284932616.3699999</v>
      </c>
      <c r="D18" s="13">
        <v>6290010485.8400002</v>
      </c>
      <c r="E18" s="13">
        <v>6292792204.3100004</v>
      </c>
      <c r="F18" s="13">
        <v>6295647633.5299997</v>
      </c>
    </row>
    <row r="19" spans="1:6" x14ac:dyDescent="0.25">
      <c r="A19" s="4" t="s">
        <v>39</v>
      </c>
      <c r="B19" s="6" t="s">
        <v>104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41</v>
      </c>
      <c r="B20" s="5" t="s">
        <v>101</v>
      </c>
      <c r="C20" s="13">
        <v>0</v>
      </c>
      <c r="D20" s="13">
        <v>0</v>
      </c>
      <c r="E20" s="13">
        <v>0</v>
      </c>
      <c r="F20" s="13">
        <v>0</v>
      </c>
    </row>
    <row r="21" spans="1:6" x14ac:dyDescent="0.25">
      <c r="A21" s="3" t="s">
        <v>43</v>
      </c>
      <c r="B21" s="5" t="s">
        <v>102</v>
      </c>
      <c r="C21" s="13">
        <v>0</v>
      </c>
      <c r="D21" s="13">
        <v>0</v>
      </c>
      <c r="E21" s="13">
        <v>0</v>
      </c>
      <c r="F21" s="13">
        <v>0</v>
      </c>
    </row>
    <row r="22" spans="1:6" x14ac:dyDescent="0.25">
      <c r="A22" s="4" t="s">
        <v>45</v>
      </c>
      <c r="B22" s="6" t="s">
        <v>105</v>
      </c>
      <c r="C22" s="12">
        <v>80418763.849999994</v>
      </c>
      <c r="D22" s="12">
        <v>156671095.06</v>
      </c>
      <c r="E22" s="12">
        <v>149572694.06999999</v>
      </c>
      <c r="F22" s="12">
        <v>141962149.90000001</v>
      </c>
    </row>
    <row r="23" spans="1:6" x14ac:dyDescent="0.25">
      <c r="A23" s="3" t="s">
        <v>47</v>
      </c>
      <c r="B23" s="5" t="s">
        <v>106</v>
      </c>
      <c r="C23" s="13">
        <v>0</v>
      </c>
      <c r="D23" s="13">
        <v>0</v>
      </c>
      <c r="E23" s="13">
        <v>0</v>
      </c>
      <c r="F23" s="13">
        <v>0</v>
      </c>
    </row>
    <row r="24" spans="1:6" x14ac:dyDescent="0.25">
      <c r="A24" s="3" t="s">
        <v>49</v>
      </c>
      <c r="B24" s="5" t="s">
        <v>107</v>
      </c>
      <c r="C24" s="13">
        <v>10559029.640000001</v>
      </c>
      <c r="D24" s="13">
        <v>32817247.890000001</v>
      </c>
      <c r="E24" s="13">
        <v>29785270.170000002</v>
      </c>
      <c r="F24" s="13">
        <v>26929403.43</v>
      </c>
    </row>
    <row r="25" spans="1:6" x14ac:dyDescent="0.25">
      <c r="A25" s="3" t="s">
        <v>51</v>
      </c>
      <c r="B25" s="5" t="s">
        <v>108</v>
      </c>
      <c r="C25" s="13">
        <v>69859734.209999993</v>
      </c>
      <c r="D25" s="13">
        <v>123853847.17</v>
      </c>
      <c r="E25" s="13">
        <v>119787423.90000001</v>
      </c>
      <c r="F25" s="13">
        <v>115032746.47</v>
      </c>
    </row>
    <row r="26" spans="1:6" x14ac:dyDescent="0.25">
      <c r="A26" s="3" t="s">
        <v>53</v>
      </c>
      <c r="B26" s="5" t="s">
        <v>109</v>
      </c>
      <c r="C26" s="13">
        <v>0</v>
      </c>
      <c r="D26" s="13">
        <v>0</v>
      </c>
      <c r="E26" s="13">
        <v>0</v>
      </c>
      <c r="F26" s="13">
        <v>0</v>
      </c>
    </row>
    <row r="27" spans="1:6" x14ac:dyDescent="0.25">
      <c r="A27" s="3" t="s">
        <v>55</v>
      </c>
      <c r="B27" s="5" t="s">
        <v>110</v>
      </c>
      <c r="C27" s="13">
        <v>0</v>
      </c>
      <c r="D27" s="13">
        <v>0</v>
      </c>
      <c r="E27" s="13">
        <v>0</v>
      </c>
      <c r="F27" s="13">
        <v>0</v>
      </c>
    </row>
    <row r="28" spans="1:6" x14ac:dyDescent="0.25">
      <c r="A28" s="3" t="s">
        <v>60</v>
      </c>
      <c r="B28" s="5" t="s">
        <v>111</v>
      </c>
      <c r="C28" s="13">
        <v>0</v>
      </c>
      <c r="D28" s="13">
        <v>0</v>
      </c>
      <c r="E28" s="13">
        <v>0</v>
      </c>
      <c r="F28" s="13">
        <v>0</v>
      </c>
    </row>
    <row r="29" spans="1:6" x14ac:dyDescent="0.25">
      <c r="A29" s="3" t="s">
        <v>62</v>
      </c>
      <c r="B29" s="5" t="s">
        <v>112</v>
      </c>
      <c r="C29" s="13">
        <v>739721058.08000004</v>
      </c>
      <c r="D29" s="13">
        <v>697363757.26999998</v>
      </c>
      <c r="E29" s="13">
        <v>622758213.63999999</v>
      </c>
      <c r="F29" s="13">
        <v>592434181.08000004</v>
      </c>
    </row>
    <row r="30" spans="1:6" x14ac:dyDescent="0.25">
      <c r="A30" s="3" t="s">
        <v>64</v>
      </c>
      <c r="B30" s="5" t="s">
        <v>113</v>
      </c>
      <c r="C30" s="13">
        <v>0</v>
      </c>
      <c r="D30" s="13">
        <v>0</v>
      </c>
      <c r="E30" s="13">
        <v>0</v>
      </c>
      <c r="F30" s="13">
        <v>0</v>
      </c>
    </row>
    <row r="31" spans="1:6" x14ac:dyDescent="0.25">
      <c r="A31" s="4" t="s">
        <v>66</v>
      </c>
      <c r="B31" s="6" t="s">
        <v>114</v>
      </c>
      <c r="C31" s="12">
        <v>1369349518.21</v>
      </c>
      <c r="D31" s="12">
        <v>1760732128.2</v>
      </c>
      <c r="E31" s="12">
        <v>1996152713.1800001</v>
      </c>
      <c r="F31" s="12">
        <v>1690332946.6600001</v>
      </c>
    </row>
    <row r="32" spans="1:6" x14ac:dyDescent="0.25">
      <c r="A32" s="3" t="s">
        <v>68</v>
      </c>
      <c r="B32" s="5" t="s">
        <v>115</v>
      </c>
      <c r="C32" s="13">
        <v>1125535341.3199999</v>
      </c>
      <c r="D32" s="13">
        <v>1506314032.3900001</v>
      </c>
      <c r="E32" s="13">
        <v>1718632665.01</v>
      </c>
      <c r="F32" s="13">
        <v>1403225570.4000001</v>
      </c>
    </row>
    <row r="33" spans="1:6" x14ac:dyDescent="0.25">
      <c r="A33" s="3" t="s">
        <v>70</v>
      </c>
      <c r="B33" s="5" t="s">
        <v>116</v>
      </c>
      <c r="C33" s="13">
        <v>1499137882.29</v>
      </c>
      <c r="D33" s="13">
        <v>1647738285.8399999</v>
      </c>
      <c r="E33" s="13">
        <v>1824604934.74</v>
      </c>
      <c r="F33" s="13">
        <v>1781205968.45</v>
      </c>
    </row>
    <row r="34" spans="1:6" x14ac:dyDescent="0.25">
      <c r="A34" s="3" t="s">
        <v>72</v>
      </c>
      <c r="B34" s="5" t="s">
        <v>117</v>
      </c>
      <c r="C34" s="13">
        <v>373602540.97000003</v>
      </c>
      <c r="D34" s="13">
        <v>141424253.44999999</v>
      </c>
      <c r="E34" s="13">
        <v>105972269.73</v>
      </c>
      <c r="F34" s="13">
        <v>377980398.05000001</v>
      </c>
    </row>
    <row r="35" spans="1:6" x14ac:dyDescent="0.25">
      <c r="A35" s="3" t="s">
        <v>87</v>
      </c>
      <c r="B35" s="5" t="s">
        <v>118</v>
      </c>
      <c r="C35" s="13">
        <v>243814176.88999999</v>
      </c>
      <c r="D35" s="13">
        <v>254418095.81</v>
      </c>
      <c r="E35" s="13">
        <v>277520048.17000002</v>
      </c>
      <c r="F35" s="13">
        <v>287107376.25999999</v>
      </c>
    </row>
    <row r="36" spans="1:6" x14ac:dyDescent="0.25">
      <c r="A36" s="4" t="s">
        <v>119</v>
      </c>
      <c r="B36" s="6" t="s">
        <v>120</v>
      </c>
      <c r="C36" s="12">
        <v>7772360847.0600004</v>
      </c>
      <c r="D36" s="12">
        <v>7412447877.0900002</v>
      </c>
      <c r="E36" s="12">
        <v>7141170236.5200005</v>
      </c>
      <c r="F36" s="12">
        <v>7336176672.8699999</v>
      </c>
    </row>
    <row r="37" spans="1:6" x14ac:dyDescent="0.25">
      <c r="A37" s="3" t="s">
        <v>121</v>
      </c>
      <c r="B37" s="5" t="s">
        <v>122</v>
      </c>
      <c r="C37" s="13">
        <v>10735143525.049999</v>
      </c>
      <c r="D37" s="13">
        <v>10800292807.799999</v>
      </c>
      <c r="E37" s="13">
        <v>10903504527.02</v>
      </c>
      <c r="F37" s="13">
        <v>12012249489.57</v>
      </c>
    </row>
    <row r="38" spans="1:6" x14ac:dyDescent="0.25">
      <c r="A38" s="3" t="s">
        <v>123</v>
      </c>
      <c r="B38" s="5" t="s">
        <v>124</v>
      </c>
      <c r="C38" s="13">
        <v>85.16</v>
      </c>
      <c r="D38" s="13">
        <v>84.93</v>
      </c>
      <c r="E38" s="13">
        <v>83.8</v>
      </c>
      <c r="F38" s="13">
        <v>75.14</v>
      </c>
    </row>
    <row r="39" spans="1:6" x14ac:dyDescent="0.25">
      <c r="A39" s="3" t="s">
        <v>125</v>
      </c>
      <c r="B39" s="5" t="s">
        <v>126</v>
      </c>
      <c r="C39" s="13">
        <v>72.400000000000006</v>
      </c>
      <c r="D39" s="13">
        <v>68.63</v>
      </c>
      <c r="E39" s="13">
        <v>65.489999999999995</v>
      </c>
      <c r="F39" s="13">
        <v>61.07</v>
      </c>
    </row>
    <row r="40" spans="1:6" x14ac:dyDescent="0.25">
      <c r="A40" s="3" t="s">
        <v>127</v>
      </c>
      <c r="B40" s="5" t="s">
        <v>128</v>
      </c>
      <c r="C40" s="13">
        <v>21470287050.099998</v>
      </c>
      <c r="D40" s="13">
        <v>21600585615.599998</v>
      </c>
      <c r="E40" s="13">
        <v>21807009054.040001</v>
      </c>
      <c r="F40" s="13">
        <v>24024498979.139999</v>
      </c>
    </row>
    <row r="41" spans="1:6" x14ac:dyDescent="0.25">
      <c r="A41" s="3" t="s">
        <v>129</v>
      </c>
      <c r="B41" s="5" t="s">
        <v>130</v>
      </c>
      <c r="C41" s="13">
        <v>19323258345.09</v>
      </c>
      <c r="D41" s="13">
        <v>19440527054.040001</v>
      </c>
      <c r="E41" s="13">
        <v>19626308148.639999</v>
      </c>
      <c r="F41" s="13">
        <v>21622049081.23</v>
      </c>
    </row>
    <row r="43" spans="1:6" x14ac:dyDescent="0.25">
      <c r="A43" s="11" t="s">
        <v>6</v>
      </c>
      <c r="B43" s="11" t="s">
        <v>131</v>
      </c>
      <c r="C43" s="11" t="s">
        <v>92</v>
      </c>
      <c r="D43" s="11" t="s">
        <v>93</v>
      </c>
      <c r="E43" s="11" t="s">
        <v>7</v>
      </c>
      <c r="F43" s="11" t="s">
        <v>93</v>
      </c>
    </row>
    <row r="44" spans="1:6" ht="21" x14ac:dyDescent="0.25">
      <c r="A44" s="11" t="s">
        <v>7</v>
      </c>
      <c r="B44" s="11" t="s">
        <v>7</v>
      </c>
      <c r="C44" s="11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3" t="s">
        <v>132</v>
      </c>
      <c r="B45" s="5" t="s">
        <v>133</v>
      </c>
      <c r="C45" s="13">
        <v>0</v>
      </c>
      <c r="D45" s="13">
        <v>0</v>
      </c>
      <c r="E45" s="13">
        <v>0</v>
      </c>
      <c r="F45" s="13">
        <v>0</v>
      </c>
    </row>
    <row r="46" spans="1:6" x14ac:dyDescent="0.25">
      <c r="A46" s="3" t="s">
        <v>134</v>
      </c>
      <c r="B46" s="5" t="s">
        <v>135</v>
      </c>
      <c r="C46" s="13">
        <v>0</v>
      </c>
      <c r="D46" s="13">
        <v>0</v>
      </c>
      <c r="E46" s="13">
        <v>0</v>
      </c>
      <c r="F46" s="13">
        <v>0</v>
      </c>
    </row>
    <row r="47" spans="1:6" x14ac:dyDescent="0.25">
      <c r="A47" s="3" t="s">
        <v>136</v>
      </c>
      <c r="B47" s="5" t="s">
        <v>137</v>
      </c>
      <c r="C47" s="13">
        <v>22128937086.689999</v>
      </c>
      <c r="D47" s="13">
        <v>22128937086.689999</v>
      </c>
      <c r="E47" s="13">
        <v>18531938150.66</v>
      </c>
      <c r="F47" s="13">
        <v>11065155674.75</v>
      </c>
    </row>
    <row r="48" spans="1:6" x14ac:dyDescent="0.25">
      <c r="A48" s="3" t="s">
        <v>138</v>
      </c>
      <c r="B48" s="5" t="s">
        <v>139</v>
      </c>
      <c r="C48" s="13">
        <v>0</v>
      </c>
      <c r="D48" s="13">
        <v>0</v>
      </c>
      <c r="E48" s="13">
        <v>0</v>
      </c>
      <c r="F48" s="13">
        <v>0</v>
      </c>
    </row>
    <row r="49" spans="1:14" x14ac:dyDescent="0.25">
      <c r="A49" s="3" t="s">
        <v>140</v>
      </c>
      <c r="B49" s="5" t="s">
        <v>141</v>
      </c>
      <c r="C49" s="13">
        <v>0</v>
      </c>
      <c r="D49" s="13">
        <v>460107265</v>
      </c>
      <c r="E49" s="13">
        <v>361258412.60000002</v>
      </c>
      <c r="F49" s="13">
        <v>435233784.33999997</v>
      </c>
    </row>
    <row r="50" spans="1:14" x14ac:dyDescent="0.25">
      <c r="A50" s="3" t="s">
        <v>142</v>
      </c>
      <c r="B50" s="5" t="s">
        <v>143</v>
      </c>
      <c r="C50" s="13">
        <v>37479587.359999999</v>
      </c>
      <c r="D50" s="13">
        <v>210671919.56</v>
      </c>
      <c r="E50" s="13">
        <v>151994999.18000001</v>
      </c>
      <c r="F50" s="13">
        <v>408562094.06999999</v>
      </c>
    </row>
    <row r="51" spans="1:14" x14ac:dyDescent="0.25">
      <c r="A51" s="3" t="s">
        <v>144</v>
      </c>
      <c r="B51" s="5" t="s">
        <v>145</v>
      </c>
      <c r="C51" s="13">
        <v>0</v>
      </c>
      <c r="D51" s="13">
        <v>0</v>
      </c>
      <c r="E51" s="13">
        <v>0</v>
      </c>
      <c r="F51" s="13">
        <v>0</v>
      </c>
    </row>
    <row r="52" spans="1:14" x14ac:dyDescent="0.25">
      <c r="A52" s="3" t="s">
        <v>146</v>
      </c>
      <c r="B52" s="5" t="s">
        <v>147</v>
      </c>
      <c r="C52" s="13">
        <v>0</v>
      </c>
      <c r="D52" s="13">
        <v>0</v>
      </c>
      <c r="E52" s="13">
        <v>0</v>
      </c>
      <c r="F52" s="13">
        <v>0</v>
      </c>
    </row>
    <row r="53" spans="1:14" x14ac:dyDescent="0.25">
      <c r="A53" s="3" t="s">
        <v>148</v>
      </c>
      <c r="B53" s="5" t="s">
        <v>149</v>
      </c>
      <c r="C53" s="13">
        <v>0</v>
      </c>
      <c r="D53" s="13">
        <v>0</v>
      </c>
      <c r="E53" s="13">
        <v>0</v>
      </c>
      <c r="F53" s="13">
        <v>0</v>
      </c>
    </row>
    <row r="55" spans="1:14" x14ac:dyDescent="0.25">
      <c r="A55" s="11" t="s">
        <v>6</v>
      </c>
      <c r="B55" s="11" t="s">
        <v>150</v>
      </c>
      <c r="C55" s="11" t="s">
        <v>151</v>
      </c>
      <c r="D55" s="11" t="s">
        <v>7</v>
      </c>
      <c r="E55" s="11" t="s">
        <v>7</v>
      </c>
      <c r="F55" s="11" t="s">
        <v>79</v>
      </c>
      <c r="G55" s="11" t="s">
        <v>7</v>
      </c>
      <c r="H55" s="11" t="s">
        <v>7</v>
      </c>
      <c r="I55" s="11" t="s">
        <v>83</v>
      </c>
      <c r="J55" s="11" t="s">
        <v>7</v>
      </c>
      <c r="K55" s="11" t="s">
        <v>7</v>
      </c>
      <c r="L55" s="11" t="s">
        <v>156</v>
      </c>
      <c r="M55" s="11" t="s">
        <v>7</v>
      </c>
      <c r="N55" s="11" t="s">
        <v>156</v>
      </c>
    </row>
    <row r="56" spans="1:14" ht="42" x14ac:dyDescent="0.25">
      <c r="A56" s="11" t="s">
        <v>7</v>
      </c>
      <c r="B56" s="11" t="s">
        <v>7</v>
      </c>
      <c r="C56" s="1" t="s">
        <v>76</v>
      </c>
      <c r="D56" s="1" t="s">
        <v>152</v>
      </c>
      <c r="E56" s="1" t="s">
        <v>78</v>
      </c>
      <c r="F56" s="1" t="s">
        <v>80</v>
      </c>
      <c r="G56" s="1" t="s">
        <v>81</v>
      </c>
      <c r="H56" s="1" t="s">
        <v>153</v>
      </c>
      <c r="I56" s="1" t="s">
        <v>154</v>
      </c>
      <c r="J56" s="1" t="s">
        <v>85</v>
      </c>
      <c r="K56" s="1" t="s">
        <v>155</v>
      </c>
      <c r="L56" s="1" t="s">
        <v>157</v>
      </c>
      <c r="M56" s="1" t="s">
        <v>158</v>
      </c>
      <c r="N56" s="1" t="s">
        <v>159</v>
      </c>
    </row>
    <row r="57" spans="1:14" x14ac:dyDescent="0.25">
      <c r="A57" s="3" t="s">
        <v>160</v>
      </c>
      <c r="B57" s="5" t="s">
        <v>161</v>
      </c>
      <c r="C57" s="13">
        <v>0</v>
      </c>
      <c r="D57" s="13">
        <v>0</v>
      </c>
      <c r="E57" s="13">
        <v>0</v>
      </c>
      <c r="F57" s="13">
        <v>0</v>
      </c>
      <c r="G57" s="13">
        <v>0</v>
      </c>
      <c r="H57" s="13">
        <v>0</v>
      </c>
      <c r="I57" s="13">
        <v>0</v>
      </c>
      <c r="J57" s="13">
        <v>0</v>
      </c>
      <c r="K57" s="13">
        <v>0</v>
      </c>
      <c r="L57" s="13">
        <v>0</v>
      </c>
      <c r="M57" s="13">
        <v>0</v>
      </c>
      <c r="N57" s="13">
        <v>0</v>
      </c>
    </row>
  </sheetData>
  <mergeCells count="20">
    <mergeCell ref="I55:K55"/>
    <mergeCell ref="L55:N55"/>
    <mergeCell ref="A43:A44"/>
    <mergeCell ref="B43:B44"/>
    <mergeCell ref="C43:C44"/>
    <mergeCell ref="D43:F43"/>
    <mergeCell ref="A55:A56"/>
    <mergeCell ref="B55:B56"/>
    <mergeCell ref="C55:E55"/>
    <mergeCell ref="F55:H55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showGridLines="0" workbookViewId="0"/>
  </sheetViews>
  <sheetFormatPr defaultRowHeight="15" x14ac:dyDescent="0.25"/>
  <cols>
    <col min="1" max="1" width="2.7109375" bestFit="1" customWidth="1"/>
    <col min="2" max="2" width="49.7109375" bestFit="1" customWidth="1"/>
    <col min="3" max="6" width="18" bestFit="1" customWidth="1"/>
  </cols>
  <sheetData>
    <row r="3" spans="1:6" x14ac:dyDescent="0.25">
      <c r="A3" s="7" t="s">
        <v>0</v>
      </c>
      <c r="B3" s="8"/>
      <c r="C3" s="8"/>
      <c r="D3" s="8"/>
      <c r="E3" s="8"/>
      <c r="F3" s="8"/>
    </row>
    <row r="4" spans="1:6" x14ac:dyDescent="0.25">
      <c r="A4" s="7" t="s">
        <v>1</v>
      </c>
      <c r="B4" s="8"/>
      <c r="C4" s="8"/>
      <c r="D4" s="8"/>
      <c r="E4" s="8"/>
      <c r="F4" s="8"/>
    </row>
    <row r="5" spans="1:6" x14ac:dyDescent="0.25">
      <c r="A5" s="9" t="s">
        <v>162</v>
      </c>
      <c r="B5" s="8"/>
      <c r="C5" s="8"/>
      <c r="D5" s="8"/>
      <c r="E5" s="8"/>
      <c r="F5" s="8"/>
    </row>
    <row r="6" spans="1:6" x14ac:dyDescent="0.25">
      <c r="A6" s="7" t="s">
        <v>3</v>
      </c>
      <c r="B6" s="8"/>
      <c r="C6" s="8"/>
      <c r="D6" s="8"/>
      <c r="E6" s="8"/>
      <c r="F6" s="8"/>
    </row>
    <row r="7" spans="1:6" x14ac:dyDescent="0.25">
      <c r="A7" s="7" t="s">
        <v>4</v>
      </c>
      <c r="B7" s="8"/>
      <c r="C7" s="8"/>
      <c r="D7" s="8"/>
      <c r="E7" s="8"/>
      <c r="F7" s="8"/>
    </row>
    <row r="9" spans="1:6" x14ac:dyDescent="0.25">
      <c r="A9" s="10" t="s">
        <v>163</v>
      </c>
      <c r="B9" s="8"/>
      <c r="C9" s="8"/>
      <c r="D9" s="8"/>
      <c r="E9" s="8"/>
      <c r="F9" s="8"/>
    </row>
    <row r="10" spans="1:6" x14ac:dyDescent="0.25">
      <c r="A10" s="11" t="s">
        <v>6</v>
      </c>
      <c r="B10" s="11" t="s">
        <v>164</v>
      </c>
      <c r="C10" s="11" t="s">
        <v>92</v>
      </c>
      <c r="D10" s="11" t="s">
        <v>93</v>
      </c>
      <c r="E10" s="11" t="s">
        <v>7</v>
      </c>
      <c r="F10" s="11" t="s">
        <v>93</v>
      </c>
    </row>
    <row r="11" spans="1:6" ht="21" x14ac:dyDescent="0.25">
      <c r="A11" s="11" t="s">
        <v>7</v>
      </c>
      <c r="B11" s="11" t="s">
        <v>7</v>
      </c>
      <c r="C11" s="11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4" t="s">
        <v>24</v>
      </c>
      <c r="B12" s="6" t="s">
        <v>165</v>
      </c>
      <c r="C12" s="12">
        <v>0</v>
      </c>
      <c r="D12" s="12">
        <v>0</v>
      </c>
      <c r="E12" s="12">
        <v>0</v>
      </c>
      <c r="F12" s="12">
        <v>0</v>
      </c>
    </row>
    <row r="13" spans="1:6" x14ac:dyDescent="0.25">
      <c r="A13" s="3" t="s">
        <v>26</v>
      </c>
      <c r="B13" s="5" t="s">
        <v>166</v>
      </c>
      <c r="C13" s="13">
        <v>0</v>
      </c>
      <c r="D13" s="13">
        <v>0</v>
      </c>
      <c r="E13" s="13">
        <v>0</v>
      </c>
      <c r="F13" s="13">
        <v>0</v>
      </c>
    </row>
    <row r="14" spans="1:6" x14ac:dyDescent="0.25">
      <c r="A14" s="3" t="s">
        <v>28</v>
      </c>
      <c r="B14" s="5" t="s">
        <v>167</v>
      </c>
      <c r="C14" s="13">
        <v>0</v>
      </c>
      <c r="D14" s="13">
        <v>0</v>
      </c>
      <c r="E14" s="13">
        <v>0</v>
      </c>
      <c r="F14" s="13">
        <v>0</v>
      </c>
    </row>
    <row r="15" spans="1:6" x14ac:dyDescent="0.25">
      <c r="A15" s="4" t="s">
        <v>30</v>
      </c>
      <c r="B15" s="6" t="s">
        <v>168</v>
      </c>
      <c r="C15" s="12">
        <v>0</v>
      </c>
      <c r="D15" s="12">
        <v>0</v>
      </c>
      <c r="E15" s="12">
        <v>0</v>
      </c>
      <c r="F15" s="12">
        <v>0</v>
      </c>
    </row>
    <row r="16" spans="1:6" x14ac:dyDescent="0.25">
      <c r="A16" s="3" t="s">
        <v>32</v>
      </c>
      <c r="B16" s="5" t="s">
        <v>166</v>
      </c>
      <c r="C16" s="13">
        <v>0</v>
      </c>
      <c r="D16" s="13">
        <v>0</v>
      </c>
      <c r="E16" s="13">
        <v>0</v>
      </c>
      <c r="F16" s="13">
        <v>0</v>
      </c>
    </row>
    <row r="17" spans="1:6" x14ac:dyDescent="0.25">
      <c r="A17" s="3" t="s">
        <v>35</v>
      </c>
      <c r="B17" s="5" t="s">
        <v>167</v>
      </c>
      <c r="C17" s="13">
        <v>0</v>
      </c>
      <c r="D17" s="13">
        <v>0</v>
      </c>
      <c r="E17" s="13">
        <v>0</v>
      </c>
      <c r="F17" s="13">
        <v>0</v>
      </c>
    </row>
    <row r="18" spans="1:6" x14ac:dyDescent="0.25">
      <c r="A18" s="4" t="s">
        <v>37</v>
      </c>
      <c r="B18" s="6" t="s">
        <v>169</v>
      </c>
      <c r="C18" s="12">
        <v>23664779.059999999</v>
      </c>
      <c r="D18" s="12">
        <v>23874719.079999998</v>
      </c>
      <c r="E18" s="12">
        <v>0</v>
      </c>
      <c r="F18" s="12">
        <v>0</v>
      </c>
    </row>
    <row r="19" spans="1:6" x14ac:dyDescent="0.25">
      <c r="A19" s="3" t="s">
        <v>39</v>
      </c>
      <c r="B19" s="5" t="s">
        <v>170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3" t="s">
        <v>41</v>
      </c>
      <c r="B20" s="5" t="s">
        <v>167</v>
      </c>
      <c r="C20" s="13">
        <v>23664779.059999999</v>
      </c>
      <c r="D20" s="13">
        <v>23874719.079999998</v>
      </c>
      <c r="E20" s="13">
        <v>0</v>
      </c>
      <c r="F20" s="13">
        <v>0</v>
      </c>
    </row>
    <row r="21" spans="1:6" x14ac:dyDescent="0.25">
      <c r="A21" s="3" t="s">
        <v>43</v>
      </c>
      <c r="B21" s="5" t="s">
        <v>171</v>
      </c>
      <c r="C21" s="13">
        <v>0</v>
      </c>
      <c r="D21" s="13">
        <v>0</v>
      </c>
      <c r="E21" s="13">
        <v>0</v>
      </c>
      <c r="F21" s="13">
        <v>0</v>
      </c>
    </row>
    <row r="22" spans="1:6" x14ac:dyDescent="0.25">
      <c r="A22" s="4" t="s">
        <v>45</v>
      </c>
      <c r="B22" s="6" t="s">
        <v>172</v>
      </c>
      <c r="C22" s="12">
        <v>23664779.059999999</v>
      </c>
      <c r="D22" s="12">
        <v>23874719.079999998</v>
      </c>
      <c r="E22" s="12">
        <v>0</v>
      </c>
      <c r="F22" s="12">
        <v>0</v>
      </c>
    </row>
    <row r="23" spans="1:6" x14ac:dyDescent="0.25">
      <c r="A23" s="3" t="s">
        <v>47</v>
      </c>
      <c r="B23" s="5" t="s">
        <v>173</v>
      </c>
      <c r="C23" s="13">
        <v>10735143525.049999</v>
      </c>
      <c r="D23" s="13">
        <v>10800292807.799999</v>
      </c>
      <c r="E23" s="13">
        <v>10903504527.02</v>
      </c>
      <c r="F23" s="13">
        <v>12012249489.57</v>
      </c>
    </row>
    <row r="24" spans="1:6" x14ac:dyDescent="0.25">
      <c r="A24" s="3" t="s">
        <v>49</v>
      </c>
      <c r="B24" s="5" t="s">
        <v>174</v>
      </c>
      <c r="C24" s="13">
        <v>0.22</v>
      </c>
      <c r="D24" s="13">
        <v>0.22</v>
      </c>
      <c r="E24" s="13">
        <v>0</v>
      </c>
      <c r="F24" s="13">
        <v>0</v>
      </c>
    </row>
    <row r="25" spans="1:6" x14ac:dyDescent="0.25">
      <c r="A25" s="3" t="s">
        <v>51</v>
      </c>
      <c r="B25" s="5" t="s">
        <v>175</v>
      </c>
      <c r="C25" s="13">
        <v>2361731575.5100002</v>
      </c>
      <c r="D25" s="13">
        <v>2376064417.7199998</v>
      </c>
      <c r="E25" s="13">
        <v>2398770995.9400001</v>
      </c>
      <c r="F25" s="13">
        <v>2642694887.71</v>
      </c>
    </row>
    <row r="26" spans="1:6" x14ac:dyDescent="0.25">
      <c r="A26" s="3" t="s">
        <v>53</v>
      </c>
      <c r="B26" s="5" t="s">
        <v>176</v>
      </c>
      <c r="C26" s="13">
        <v>2125558417.96</v>
      </c>
      <c r="D26" s="13">
        <v>2138457975.9400001</v>
      </c>
      <c r="E26" s="13">
        <v>2158893896.3499999</v>
      </c>
      <c r="F26" s="13">
        <v>2378425398.9299998</v>
      </c>
    </row>
    <row r="28" spans="1:6" x14ac:dyDescent="0.25">
      <c r="A28" s="11" t="s">
        <v>6</v>
      </c>
      <c r="B28" s="11" t="s">
        <v>177</v>
      </c>
      <c r="C28" s="11" t="s">
        <v>92</v>
      </c>
      <c r="D28" s="11" t="s">
        <v>93</v>
      </c>
      <c r="E28" s="11" t="s">
        <v>7</v>
      </c>
      <c r="F28" s="11" t="s">
        <v>93</v>
      </c>
    </row>
    <row r="29" spans="1:6" ht="21" x14ac:dyDescent="0.25">
      <c r="A29" s="11" t="s">
        <v>7</v>
      </c>
      <c r="B29" s="11" t="s">
        <v>7</v>
      </c>
      <c r="C29" s="11" t="s">
        <v>7</v>
      </c>
      <c r="D29" s="1" t="s">
        <v>94</v>
      </c>
      <c r="E29" s="1" t="s">
        <v>95</v>
      </c>
      <c r="F29" s="1" t="s">
        <v>96</v>
      </c>
    </row>
    <row r="30" spans="1:6" x14ac:dyDescent="0.25">
      <c r="A30" s="4" t="s">
        <v>55</v>
      </c>
      <c r="B30" s="6" t="s">
        <v>178</v>
      </c>
      <c r="C30" s="12">
        <v>0</v>
      </c>
      <c r="D30" s="12">
        <v>0</v>
      </c>
      <c r="E30" s="12">
        <v>0</v>
      </c>
      <c r="F30" s="12">
        <v>0</v>
      </c>
    </row>
    <row r="31" spans="1:6" x14ac:dyDescent="0.25">
      <c r="A31" s="3" t="s">
        <v>60</v>
      </c>
      <c r="B31" s="5" t="s">
        <v>179</v>
      </c>
      <c r="C31" s="13">
        <v>0</v>
      </c>
      <c r="D31" s="13">
        <v>0</v>
      </c>
      <c r="E31" s="13">
        <v>0</v>
      </c>
      <c r="F31" s="13">
        <v>0</v>
      </c>
    </row>
    <row r="32" spans="1:6" x14ac:dyDescent="0.25">
      <c r="A32" s="3" t="s">
        <v>62</v>
      </c>
      <c r="B32" s="5" t="s">
        <v>180</v>
      </c>
      <c r="C32" s="13">
        <v>0</v>
      </c>
      <c r="D32" s="13">
        <v>0</v>
      </c>
      <c r="E32" s="13">
        <v>0</v>
      </c>
      <c r="F32" s="13">
        <v>0</v>
      </c>
    </row>
    <row r="33" spans="1:6" x14ac:dyDescent="0.25">
      <c r="A33" s="4" t="s">
        <v>64</v>
      </c>
      <c r="B33" s="6" t="s">
        <v>181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3" t="s">
        <v>66</v>
      </c>
      <c r="B34" s="5" t="s">
        <v>179</v>
      </c>
      <c r="C34" s="13">
        <v>0</v>
      </c>
      <c r="D34" s="13">
        <v>0</v>
      </c>
      <c r="E34" s="13">
        <v>0</v>
      </c>
      <c r="F34" s="13">
        <v>0</v>
      </c>
    </row>
    <row r="35" spans="1:6" x14ac:dyDescent="0.25">
      <c r="A35" s="3" t="s">
        <v>68</v>
      </c>
      <c r="B35" s="5" t="s">
        <v>180</v>
      </c>
      <c r="C35" s="13">
        <v>0</v>
      </c>
      <c r="D35" s="13">
        <v>0</v>
      </c>
      <c r="E35" s="13">
        <v>0</v>
      </c>
      <c r="F35" s="13">
        <v>0</v>
      </c>
    </row>
    <row r="36" spans="1:6" x14ac:dyDescent="0.25">
      <c r="A36" s="4" t="s">
        <v>70</v>
      </c>
      <c r="B36" s="6" t="s">
        <v>182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3" t="s">
        <v>72</v>
      </c>
      <c r="B37" s="5" t="s">
        <v>179</v>
      </c>
      <c r="C37" s="13">
        <v>0</v>
      </c>
      <c r="D37" s="13">
        <v>0</v>
      </c>
      <c r="E37" s="13">
        <v>0</v>
      </c>
      <c r="F37" s="13">
        <v>0</v>
      </c>
    </row>
    <row r="38" spans="1:6" x14ac:dyDescent="0.25">
      <c r="A38" s="3" t="s">
        <v>87</v>
      </c>
      <c r="B38" s="5" t="s">
        <v>180</v>
      </c>
      <c r="C38" s="13">
        <v>0</v>
      </c>
      <c r="D38" s="13">
        <v>0</v>
      </c>
      <c r="E38" s="13">
        <v>0</v>
      </c>
      <c r="F38" s="13">
        <v>0</v>
      </c>
    </row>
    <row r="39" spans="1:6" x14ac:dyDescent="0.25">
      <c r="A39" s="3" t="s">
        <v>119</v>
      </c>
      <c r="B39" s="5" t="s">
        <v>183</v>
      </c>
      <c r="C39" s="13">
        <v>0</v>
      </c>
      <c r="D39" s="13">
        <v>0</v>
      </c>
      <c r="E39" s="13">
        <v>0</v>
      </c>
      <c r="F39" s="13">
        <v>0</v>
      </c>
    </row>
    <row r="40" spans="1:6" x14ac:dyDescent="0.25">
      <c r="A40" s="4" t="s">
        <v>121</v>
      </c>
      <c r="B40" s="6" t="s">
        <v>184</v>
      </c>
      <c r="C40" s="12">
        <v>0</v>
      </c>
      <c r="D40" s="12">
        <v>0</v>
      </c>
      <c r="E40" s="12">
        <v>0</v>
      </c>
      <c r="F40" s="12">
        <v>0</v>
      </c>
    </row>
    <row r="42" spans="1:6" x14ac:dyDescent="0.25">
      <c r="A42" s="11" t="s">
        <v>6</v>
      </c>
      <c r="B42" s="11" t="s">
        <v>185</v>
      </c>
      <c r="C42" s="11" t="s">
        <v>186</v>
      </c>
    </row>
    <row r="43" spans="1:6" x14ac:dyDescent="0.25">
      <c r="A43" s="11" t="s">
        <v>7</v>
      </c>
      <c r="B43" s="11" t="s">
        <v>7</v>
      </c>
      <c r="C43" s="11" t="s">
        <v>7</v>
      </c>
    </row>
    <row r="44" spans="1:6" x14ac:dyDescent="0.25">
      <c r="A44" s="3" t="s">
        <v>123</v>
      </c>
      <c r="B44" s="5" t="s">
        <v>185</v>
      </c>
      <c r="C44" s="13">
        <v>0</v>
      </c>
    </row>
  </sheetData>
  <mergeCells count="17">
    <mergeCell ref="A28:A29"/>
    <mergeCell ref="B28:B29"/>
    <mergeCell ref="C28:C29"/>
    <mergeCell ref="D28:F28"/>
    <mergeCell ref="A42:A43"/>
    <mergeCell ref="B42:B43"/>
    <mergeCell ref="C42:C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7" t="s">
        <v>0</v>
      </c>
      <c r="B3" s="8"/>
      <c r="C3" s="8"/>
      <c r="D3" s="8"/>
    </row>
    <row r="4" spans="1:4" x14ac:dyDescent="0.25">
      <c r="A4" s="7" t="s">
        <v>1</v>
      </c>
      <c r="B4" s="8"/>
      <c r="C4" s="8"/>
      <c r="D4" s="8"/>
    </row>
    <row r="5" spans="1:4" x14ac:dyDescent="0.25">
      <c r="A5" s="9" t="s">
        <v>187</v>
      </c>
      <c r="B5" s="8"/>
      <c r="C5" s="8"/>
      <c r="D5" s="8"/>
    </row>
    <row r="6" spans="1:4" x14ac:dyDescent="0.25">
      <c r="A6" s="7" t="s">
        <v>3</v>
      </c>
      <c r="B6" s="8"/>
      <c r="C6" s="8"/>
      <c r="D6" s="8"/>
    </row>
    <row r="7" spans="1:4" x14ac:dyDescent="0.25">
      <c r="A7" s="7" t="s">
        <v>4</v>
      </c>
      <c r="B7" s="8"/>
      <c r="C7" s="8"/>
      <c r="D7" s="8"/>
    </row>
    <row r="9" spans="1:4" x14ac:dyDescent="0.25">
      <c r="A9" s="10" t="s">
        <v>188</v>
      </c>
      <c r="B9" s="8"/>
      <c r="C9" s="8"/>
      <c r="D9" s="8"/>
    </row>
    <row r="10" spans="1:4" x14ac:dyDescent="0.25">
      <c r="A10" s="11" t="s">
        <v>6</v>
      </c>
      <c r="B10" s="11" t="s">
        <v>189</v>
      </c>
      <c r="C10" s="11" t="s">
        <v>190</v>
      </c>
      <c r="D10" s="11" t="s">
        <v>190</v>
      </c>
    </row>
    <row r="11" spans="1:4" ht="21" x14ac:dyDescent="0.25">
      <c r="A11" s="11" t="s">
        <v>7</v>
      </c>
      <c r="B11" s="11" t="s">
        <v>7</v>
      </c>
      <c r="C11" s="1" t="s">
        <v>191</v>
      </c>
      <c r="D11" s="1" t="s">
        <v>192</v>
      </c>
    </row>
    <row r="12" spans="1:4" x14ac:dyDescent="0.25">
      <c r="A12" s="4" t="s">
        <v>24</v>
      </c>
      <c r="B12" s="6" t="s">
        <v>193</v>
      </c>
      <c r="C12" s="12">
        <v>0</v>
      </c>
      <c r="D12" s="12">
        <v>0</v>
      </c>
    </row>
    <row r="13" spans="1:4" x14ac:dyDescent="0.25">
      <c r="A13" s="3" t="s">
        <v>26</v>
      </c>
      <c r="B13" s="5" t="s">
        <v>194</v>
      </c>
      <c r="C13" s="13">
        <v>0</v>
      </c>
      <c r="D13" s="13">
        <v>0</v>
      </c>
    </row>
    <row r="14" spans="1:4" x14ac:dyDescent="0.25">
      <c r="A14" s="3" t="s">
        <v>28</v>
      </c>
      <c r="B14" s="5" t="s">
        <v>195</v>
      </c>
      <c r="C14" s="13">
        <v>0</v>
      </c>
      <c r="D14" s="13">
        <v>0</v>
      </c>
    </row>
    <row r="15" spans="1:4" x14ac:dyDescent="0.25">
      <c r="A15" s="4" t="s">
        <v>30</v>
      </c>
      <c r="B15" s="6" t="s">
        <v>196</v>
      </c>
      <c r="C15" s="12">
        <v>0</v>
      </c>
      <c r="D15" s="12">
        <v>11562423.890000001</v>
      </c>
    </row>
    <row r="16" spans="1:4" x14ac:dyDescent="0.25">
      <c r="A16" s="4" t="s">
        <v>32</v>
      </c>
      <c r="B16" s="6" t="s">
        <v>194</v>
      </c>
      <c r="C16" s="12">
        <v>0</v>
      </c>
      <c r="D16" s="12">
        <v>11562423.890000001</v>
      </c>
    </row>
    <row r="17" spans="1:4" x14ac:dyDescent="0.25">
      <c r="A17" s="3" t="s">
        <v>35</v>
      </c>
      <c r="B17" s="5" t="s">
        <v>197</v>
      </c>
      <c r="C17" s="13">
        <v>0</v>
      </c>
      <c r="D17" s="13">
        <v>11562423.890000001</v>
      </c>
    </row>
    <row r="18" spans="1:4" x14ac:dyDescent="0.25">
      <c r="A18" s="3" t="s">
        <v>37</v>
      </c>
      <c r="B18" s="5" t="s">
        <v>198</v>
      </c>
      <c r="C18" s="13">
        <v>0</v>
      </c>
      <c r="D18" s="13">
        <v>0</v>
      </c>
    </row>
    <row r="19" spans="1:4" x14ac:dyDescent="0.25">
      <c r="A19" s="3" t="s">
        <v>39</v>
      </c>
      <c r="B19" s="5" t="s">
        <v>199</v>
      </c>
      <c r="C19" s="13">
        <v>0</v>
      </c>
      <c r="D19" s="13">
        <v>0</v>
      </c>
    </row>
    <row r="20" spans="1:4" x14ac:dyDescent="0.25">
      <c r="A20" s="3" t="s">
        <v>41</v>
      </c>
      <c r="B20" s="5" t="s">
        <v>200</v>
      </c>
      <c r="C20" s="13">
        <v>0</v>
      </c>
      <c r="D20" s="13">
        <v>0</v>
      </c>
    </row>
    <row r="21" spans="1:4" x14ac:dyDescent="0.25">
      <c r="A21" s="3" t="s">
        <v>43</v>
      </c>
      <c r="B21" s="5" t="s">
        <v>201</v>
      </c>
      <c r="C21" s="13">
        <v>0</v>
      </c>
      <c r="D21" s="13">
        <v>0</v>
      </c>
    </row>
    <row r="22" spans="1:4" x14ac:dyDescent="0.25">
      <c r="A22" s="4" t="s">
        <v>45</v>
      </c>
      <c r="B22" s="6" t="s">
        <v>195</v>
      </c>
      <c r="C22" s="12">
        <v>0</v>
      </c>
      <c r="D22" s="12">
        <v>0</v>
      </c>
    </row>
    <row r="23" spans="1:4" x14ac:dyDescent="0.25">
      <c r="A23" s="3" t="s">
        <v>47</v>
      </c>
      <c r="B23" s="5" t="s">
        <v>197</v>
      </c>
      <c r="C23" s="13">
        <v>0</v>
      </c>
      <c r="D23" s="13">
        <v>0</v>
      </c>
    </row>
    <row r="24" spans="1:4" x14ac:dyDescent="0.25">
      <c r="A24" s="3" t="s">
        <v>49</v>
      </c>
      <c r="B24" s="5" t="s">
        <v>198</v>
      </c>
      <c r="C24" s="13">
        <v>0</v>
      </c>
      <c r="D24" s="13">
        <v>0</v>
      </c>
    </row>
    <row r="25" spans="1:4" x14ac:dyDescent="0.25">
      <c r="A25" s="3" t="s">
        <v>51</v>
      </c>
      <c r="B25" s="5" t="s">
        <v>202</v>
      </c>
      <c r="C25" s="13">
        <v>0</v>
      </c>
      <c r="D25" s="13">
        <v>0</v>
      </c>
    </row>
    <row r="26" spans="1:4" x14ac:dyDescent="0.25">
      <c r="A26" s="3" t="s">
        <v>53</v>
      </c>
      <c r="B26" s="5" t="s">
        <v>200</v>
      </c>
      <c r="C26" s="13">
        <v>0</v>
      </c>
      <c r="D26" s="13">
        <v>0</v>
      </c>
    </row>
    <row r="27" spans="1:4" x14ac:dyDescent="0.25">
      <c r="A27" s="3" t="s">
        <v>55</v>
      </c>
      <c r="B27" s="5" t="s">
        <v>203</v>
      </c>
      <c r="C27" s="13">
        <v>0</v>
      </c>
      <c r="D27" s="13">
        <v>0</v>
      </c>
    </row>
    <row r="28" spans="1:4" x14ac:dyDescent="0.25">
      <c r="A28" s="3" t="s">
        <v>60</v>
      </c>
      <c r="B28" s="5" t="s">
        <v>204</v>
      </c>
      <c r="C28" s="13">
        <v>0</v>
      </c>
      <c r="D28" s="13">
        <v>11562423.890000001</v>
      </c>
    </row>
    <row r="30" spans="1:4" x14ac:dyDescent="0.25">
      <c r="A30" s="11" t="s">
        <v>6</v>
      </c>
      <c r="B30" s="11" t="s">
        <v>205</v>
      </c>
      <c r="C30" s="11" t="s">
        <v>58</v>
      </c>
      <c r="D30" s="11" t="s">
        <v>206</v>
      </c>
    </row>
    <row r="31" spans="1:4" x14ac:dyDescent="0.25">
      <c r="A31" s="11" t="s">
        <v>7</v>
      </c>
      <c r="B31" s="11" t="s">
        <v>7</v>
      </c>
      <c r="C31" s="11" t="s">
        <v>7</v>
      </c>
      <c r="D31" s="11" t="s">
        <v>7</v>
      </c>
    </row>
    <row r="32" spans="1:4" x14ac:dyDescent="0.25">
      <c r="A32" s="3" t="s">
        <v>62</v>
      </c>
      <c r="B32" s="5" t="s">
        <v>207</v>
      </c>
      <c r="C32" s="13">
        <v>12012249489.57</v>
      </c>
      <c r="D32" s="13">
        <v>100</v>
      </c>
    </row>
    <row r="33" spans="1:4" x14ac:dyDescent="0.25">
      <c r="A33" s="3" t="s">
        <v>64</v>
      </c>
      <c r="B33" s="5" t="s">
        <v>208</v>
      </c>
      <c r="C33" s="13">
        <v>0</v>
      </c>
      <c r="D33" s="13">
        <v>0</v>
      </c>
    </row>
    <row r="34" spans="1:4" x14ac:dyDescent="0.25">
      <c r="A34" s="3" t="s">
        <v>66</v>
      </c>
      <c r="B34" s="5" t="s">
        <v>209</v>
      </c>
      <c r="C34" s="13">
        <v>11562423.890000001</v>
      </c>
      <c r="D34" s="13">
        <v>0.1</v>
      </c>
    </row>
    <row r="35" spans="1:4" x14ac:dyDescent="0.25">
      <c r="A35" s="3" t="s">
        <v>68</v>
      </c>
      <c r="B35" s="5" t="s">
        <v>210</v>
      </c>
      <c r="C35" s="13">
        <v>1921959918.3299999</v>
      </c>
      <c r="D35" s="13">
        <v>16</v>
      </c>
    </row>
    <row r="36" spans="1:4" x14ac:dyDescent="0.25">
      <c r="A36" s="3" t="s">
        <v>70</v>
      </c>
      <c r="B36" s="5" t="s">
        <v>211</v>
      </c>
      <c r="C36" s="13">
        <v>1729763926.5</v>
      </c>
      <c r="D36" s="13">
        <v>14.4</v>
      </c>
    </row>
    <row r="37" spans="1:4" x14ac:dyDescent="0.25">
      <c r="A37" s="3" t="s">
        <v>72</v>
      </c>
      <c r="B37" s="5" t="s">
        <v>212</v>
      </c>
      <c r="C37" s="13">
        <v>0</v>
      </c>
      <c r="D37" s="13">
        <v>0</v>
      </c>
    </row>
    <row r="38" spans="1:4" x14ac:dyDescent="0.25">
      <c r="A38" s="3" t="s">
        <v>87</v>
      </c>
      <c r="B38" s="5" t="s">
        <v>213</v>
      </c>
      <c r="C38" s="13">
        <v>840857464.26999998</v>
      </c>
      <c r="D38" s="13">
        <v>7</v>
      </c>
    </row>
    <row r="40" spans="1:4" x14ac:dyDescent="0.25">
      <c r="A40" s="11" t="s">
        <v>6</v>
      </c>
      <c r="B40" s="11" t="s">
        <v>214</v>
      </c>
      <c r="C40" s="11" t="s">
        <v>215</v>
      </c>
      <c r="D40" s="11" t="s">
        <v>215</v>
      </c>
    </row>
    <row r="41" spans="1:4" ht="21" x14ac:dyDescent="0.25">
      <c r="A41" s="11" t="s">
        <v>7</v>
      </c>
      <c r="B41" s="11" t="s">
        <v>7</v>
      </c>
      <c r="C41" s="1" t="s">
        <v>191</v>
      </c>
      <c r="D41" s="1" t="s">
        <v>192</v>
      </c>
    </row>
    <row r="42" spans="1:4" x14ac:dyDescent="0.25">
      <c r="A42" s="4" t="s">
        <v>119</v>
      </c>
      <c r="B42" s="6" t="s">
        <v>216</v>
      </c>
      <c r="C42" s="12">
        <v>0</v>
      </c>
      <c r="D42" s="12">
        <v>0</v>
      </c>
    </row>
    <row r="43" spans="1:4" x14ac:dyDescent="0.25">
      <c r="A43" s="3" t="s">
        <v>121</v>
      </c>
      <c r="B43" s="5" t="s">
        <v>217</v>
      </c>
      <c r="C43" s="13">
        <v>0</v>
      </c>
      <c r="D43" s="13">
        <v>0</v>
      </c>
    </row>
    <row r="44" spans="1:4" x14ac:dyDescent="0.25">
      <c r="A44" s="3" t="s">
        <v>123</v>
      </c>
      <c r="B44" s="5" t="s">
        <v>218</v>
      </c>
      <c r="C44" s="13">
        <v>0</v>
      </c>
      <c r="D44" s="13">
        <v>0</v>
      </c>
    </row>
    <row r="45" spans="1:4" x14ac:dyDescent="0.25">
      <c r="A45" s="3" t="s">
        <v>125</v>
      </c>
      <c r="B45" s="5" t="s">
        <v>219</v>
      </c>
      <c r="C45" s="13">
        <v>0</v>
      </c>
      <c r="D45" s="13">
        <v>0</v>
      </c>
    </row>
    <row r="46" spans="1:4" x14ac:dyDescent="0.25">
      <c r="A46" s="3" t="s">
        <v>127</v>
      </c>
      <c r="B46" s="5" t="s">
        <v>220</v>
      </c>
      <c r="C46" s="13">
        <v>0</v>
      </c>
      <c r="D46" s="13">
        <v>0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7"/>
  <sheetViews>
    <sheetView showGridLines="0" workbookViewId="0"/>
  </sheetViews>
  <sheetFormatPr defaultRowHeight="15" x14ac:dyDescent="0.25"/>
  <cols>
    <col min="2" max="2" width="68.42578125" bestFit="1" customWidth="1"/>
    <col min="3" max="3" width="19" bestFit="1" customWidth="1"/>
    <col min="4" max="4" width="16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10" width="17.28515625" bestFit="1" customWidth="1"/>
    <col min="11" max="11" width="9.28515625" bestFit="1" customWidth="1"/>
    <col min="12" max="12" width="17.28515625" bestFit="1" customWidth="1"/>
  </cols>
  <sheetData>
    <row r="3" spans="1:12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</row>
    <row r="4" spans="1:12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</row>
    <row r="5" spans="1:12" x14ac:dyDescent="0.25">
      <c r="A5" s="9" t="s">
        <v>221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</row>
    <row r="6" spans="1:12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</row>
    <row r="7" spans="1:12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9" spans="1:12" x14ac:dyDescent="0.25">
      <c r="A9" s="10" t="s">
        <v>222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</row>
    <row r="10" spans="1:12" x14ac:dyDescent="0.25">
      <c r="A10" s="11" t="s">
        <v>6</v>
      </c>
      <c r="B10" s="11" t="s">
        <v>223</v>
      </c>
      <c r="C10" s="11" t="s">
        <v>224</v>
      </c>
      <c r="D10" s="11" t="s">
        <v>225</v>
      </c>
      <c r="E10" s="11" t="s">
        <v>7</v>
      </c>
      <c r="F10" s="11" t="s">
        <v>7</v>
      </c>
      <c r="G10" s="11" t="s">
        <v>7</v>
      </c>
      <c r="H10" s="11" t="s">
        <v>230</v>
      </c>
      <c r="I10" s="11" t="s">
        <v>231</v>
      </c>
      <c r="J10" s="11" t="s">
        <v>232</v>
      </c>
      <c r="K10" s="11" t="s">
        <v>233</v>
      </c>
      <c r="L10" s="11" t="s">
        <v>234</v>
      </c>
    </row>
    <row r="11" spans="1:12" ht="105" x14ac:dyDescent="0.25">
      <c r="A11" s="11" t="s">
        <v>7</v>
      </c>
      <c r="B11" s="11" t="s">
        <v>7</v>
      </c>
      <c r="C11" s="11" t="s">
        <v>7</v>
      </c>
      <c r="D11" s="1" t="s">
        <v>226</v>
      </c>
      <c r="E11" s="1" t="s">
        <v>227</v>
      </c>
      <c r="F11" s="1" t="s">
        <v>228</v>
      </c>
      <c r="G11" s="1" t="s">
        <v>229</v>
      </c>
      <c r="H11" s="11" t="s">
        <v>7</v>
      </c>
      <c r="I11" s="11" t="s">
        <v>7</v>
      </c>
      <c r="J11" s="11" t="s">
        <v>7</v>
      </c>
      <c r="K11" s="11" t="s">
        <v>7</v>
      </c>
      <c r="L11" s="11" t="s">
        <v>7</v>
      </c>
    </row>
    <row r="12" spans="1:12" x14ac:dyDescent="0.25">
      <c r="A12" s="4" t="s">
        <v>24</v>
      </c>
      <c r="B12" s="6" t="s">
        <v>235</v>
      </c>
      <c r="C12" s="12">
        <v>1115907642.8800001</v>
      </c>
      <c r="D12" s="12">
        <v>80615907.920000002</v>
      </c>
      <c r="E12" s="12">
        <v>415604623.55000001</v>
      </c>
      <c r="F12" s="12">
        <v>48008649.159999996</v>
      </c>
      <c r="G12" s="12">
        <v>678047322.5</v>
      </c>
      <c r="H12" s="12">
        <v>0</v>
      </c>
      <c r="I12" s="12">
        <v>-106368860.25</v>
      </c>
      <c r="J12" s="12">
        <v>197333362.81</v>
      </c>
      <c r="K12" s="12">
        <v>0</v>
      </c>
      <c r="L12" s="12">
        <v>-303702223.06</v>
      </c>
    </row>
    <row r="13" spans="1:12" x14ac:dyDescent="0.25">
      <c r="A13" s="3" t="s">
        <v>26</v>
      </c>
      <c r="B13" s="5" t="s">
        <v>236</v>
      </c>
      <c r="C13" s="13">
        <v>1115907642.8800001</v>
      </c>
      <c r="D13" s="13">
        <v>80615907.920000002</v>
      </c>
      <c r="E13" s="13">
        <v>415604623.55000001</v>
      </c>
      <c r="F13" s="13">
        <v>48008649.159999996</v>
      </c>
      <c r="G13" s="13">
        <v>678047322.5</v>
      </c>
      <c r="H13" s="13">
        <v>0</v>
      </c>
      <c r="I13" s="13">
        <v>-106368860.25</v>
      </c>
      <c r="J13" s="13">
        <v>197333362.81</v>
      </c>
      <c r="K13" s="13">
        <v>0</v>
      </c>
      <c r="L13" s="13">
        <v>-303702223.06</v>
      </c>
    </row>
    <row r="14" spans="1:12" x14ac:dyDescent="0.25">
      <c r="A14" s="3" t="s">
        <v>28</v>
      </c>
      <c r="B14" s="5" t="s">
        <v>237</v>
      </c>
      <c r="C14" s="13">
        <v>0</v>
      </c>
      <c r="D14" s="13">
        <v>0</v>
      </c>
      <c r="E14" s="13">
        <v>0</v>
      </c>
      <c r="F14" s="13">
        <v>0</v>
      </c>
      <c r="G14" s="13">
        <v>0</v>
      </c>
      <c r="H14" s="13">
        <v>0</v>
      </c>
      <c r="I14" s="13">
        <v>0</v>
      </c>
      <c r="J14" s="13">
        <v>0</v>
      </c>
      <c r="K14" s="13">
        <v>0</v>
      </c>
      <c r="L14" s="13">
        <v>0</v>
      </c>
    </row>
    <row r="15" spans="1:12" x14ac:dyDescent="0.25">
      <c r="A15" s="4" t="s">
        <v>30</v>
      </c>
      <c r="B15" s="6" t="s">
        <v>238</v>
      </c>
      <c r="C15" s="12">
        <v>665298325.57000005</v>
      </c>
      <c r="D15" s="12">
        <v>14180334.51</v>
      </c>
      <c r="E15" s="12">
        <v>30417661.789999999</v>
      </c>
      <c r="F15" s="12">
        <v>15507060.48</v>
      </c>
      <c r="G15" s="12">
        <v>232315109.49000001</v>
      </c>
      <c r="H15" s="12">
        <v>0</v>
      </c>
      <c r="I15" s="12">
        <v>372878159.30000001</v>
      </c>
      <c r="J15" s="12">
        <v>147717241.62</v>
      </c>
      <c r="K15" s="12">
        <v>0</v>
      </c>
      <c r="L15" s="12">
        <v>225160917.68000001</v>
      </c>
    </row>
    <row r="16" spans="1:12" x14ac:dyDescent="0.25">
      <c r="A16" s="3" t="s">
        <v>32</v>
      </c>
      <c r="B16" s="5" t="s">
        <v>239</v>
      </c>
      <c r="C16" s="13">
        <v>0</v>
      </c>
      <c r="D16" s="13">
        <v>0</v>
      </c>
      <c r="E16" s="13">
        <v>0</v>
      </c>
      <c r="F16" s="13">
        <v>0</v>
      </c>
      <c r="G16" s="13">
        <v>0</v>
      </c>
      <c r="H16" s="13">
        <v>0</v>
      </c>
      <c r="I16" s="13">
        <v>0</v>
      </c>
      <c r="J16" s="13">
        <v>0</v>
      </c>
      <c r="K16" s="13">
        <v>0</v>
      </c>
      <c r="L16" s="13">
        <v>0</v>
      </c>
    </row>
    <row r="17" spans="1:12" x14ac:dyDescent="0.25">
      <c r="A17" s="3" t="s">
        <v>35</v>
      </c>
      <c r="B17" s="5" t="s">
        <v>240</v>
      </c>
      <c r="C17" s="13">
        <v>44928709.090000004</v>
      </c>
      <c r="D17" s="13">
        <v>0</v>
      </c>
      <c r="E17" s="13">
        <v>25799636.050000001</v>
      </c>
      <c r="F17" s="13">
        <v>0</v>
      </c>
      <c r="G17" s="13">
        <v>9205975.8200000003</v>
      </c>
      <c r="H17" s="13">
        <v>0</v>
      </c>
      <c r="I17" s="13">
        <v>9923097.2200000007</v>
      </c>
      <c r="J17" s="13">
        <v>0.02</v>
      </c>
      <c r="K17" s="13">
        <v>0</v>
      </c>
      <c r="L17" s="13">
        <v>9923097.1999999993</v>
      </c>
    </row>
    <row r="18" spans="1:12" x14ac:dyDescent="0.25">
      <c r="A18" s="3" t="s">
        <v>37</v>
      </c>
      <c r="B18" s="5" t="s">
        <v>241</v>
      </c>
      <c r="C18" s="13">
        <v>22074828.190000001</v>
      </c>
      <c r="D18" s="13">
        <v>0</v>
      </c>
      <c r="E18" s="13">
        <v>0</v>
      </c>
      <c r="F18" s="13">
        <v>0</v>
      </c>
      <c r="G18" s="13">
        <v>170541.45</v>
      </c>
      <c r="H18" s="13">
        <v>0</v>
      </c>
      <c r="I18" s="13">
        <v>21904286.739999998</v>
      </c>
      <c r="J18" s="13">
        <v>9610043.0099999998</v>
      </c>
      <c r="K18" s="13">
        <v>0</v>
      </c>
      <c r="L18" s="13">
        <v>12294243.73</v>
      </c>
    </row>
    <row r="19" spans="1:12" x14ac:dyDescent="0.25">
      <c r="A19" s="3" t="s">
        <v>39</v>
      </c>
      <c r="B19" s="5" t="s">
        <v>242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</row>
    <row r="20" spans="1:12" x14ac:dyDescent="0.25">
      <c r="A20" s="3" t="s">
        <v>41</v>
      </c>
      <c r="B20" s="5" t="s">
        <v>243</v>
      </c>
      <c r="C20" s="13">
        <v>93480615.939999998</v>
      </c>
      <c r="D20" s="13">
        <v>34902.1</v>
      </c>
      <c r="E20" s="13">
        <v>897174.79</v>
      </c>
      <c r="F20" s="13">
        <v>2610669.58</v>
      </c>
      <c r="G20" s="13">
        <v>165751.12</v>
      </c>
      <c r="H20" s="13">
        <v>0</v>
      </c>
      <c r="I20" s="13">
        <v>89772118.349999994</v>
      </c>
      <c r="J20" s="13">
        <v>12254400.800000001</v>
      </c>
      <c r="K20" s="13">
        <v>0</v>
      </c>
      <c r="L20" s="13">
        <v>77517717.549999997</v>
      </c>
    </row>
    <row r="21" spans="1:12" x14ac:dyDescent="0.25">
      <c r="A21" s="3" t="s">
        <v>43</v>
      </c>
      <c r="B21" s="5" t="s">
        <v>244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  <c r="J21" s="13">
        <v>0</v>
      </c>
      <c r="K21" s="13">
        <v>0</v>
      </c>
      <c r="L21" s="13">
        <v>0</v>
      </c>
    </row>
    <row r="22" spans="1:12" x14ac:dyDescent="0.25">
      <c r="A22" s="3" t="s">
        <v>45</v>
      </c>
      <c r="B22" s="5" t="s">
        <v>245</v>
      </c>
      <c r="C22" s="13">
        <v>6672.17</v>
      </c>
      <c r="D22" s="13">
        <v>0</v>
      </c>
      <c r="E22" s="13">
        <v>74059.31</v>
      </c>
      <c r="F22" s="13">
        <v>0</v>
      </c>
      <c r="G22" s="13">
        <v>206871971.86000001</v>
      </c>
      <c r="H22" s="13">
        <v>0</v>
      </c>
      <c r="I22" s="13">
        <v>-206939359</v>
      </c>
      <c r="J22" s="13">
        <v>146666.25</v>
      </c>
      <c r="K22" s="13">
        <v>0</v>
      </c>
      <c r="L22" s="13">
        <v>-207086025.25</v>
      </c>
    </row>
    <row r="23" spans="1:12" x14ac:dyDescent="0.25">
      <c r="A23" s="3" t="s">
        <v>47</v>
      </c>
      <c r="B23" s="5" t="s">
        <v>246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</row>
    <row r="24" spans="1:12" x14ac:dyDescent="0.25">
      <c r="A24" s="3" t="s">
        <v>49</v>
      </c>
      <c r="B24" s="5" t="s">
        <v>247</v>
      </c>
      <c r="C24" s="13">
        <v>4173502.76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4173502.76</v>
      </c>
      <c r="J24" s="13">
        <v>4012544.78</v>
      </c>
      <c r="K24" s="13">
        <v>0</v>
      </c>
      <c r="L24" s="13">
        <v>160957.98000000001</v>
      </c>
    </row>
    <row r="25" spans="1:12" x14ac:dyDescent="0.25">
      <c r="A25" s="3" t="s">
        <v>51</v>
      </c>
      <c r="B25" s="5" t="s">
        <v>248</v>
      </c>
      <c r="C25" s="13">
        <v>2474143.15</v>
      </c>
      <c r="D25" s="13">
        <v>0</v>
      </c>
      <c r="E25" s="13">
        <v>0</v>
      </c>
      <c r="F25" s="13">
        <v>0</v>
      </c>
      <c r="G25" s="13">
        <v>629745</v>
      </c>
      <c r="H25" s="13">
        <v>0</v>
      </c>
      <c r="I25" s="13">
        <v>1844398.15</v>
      </c>
      <c r="J25" s="13">
        <v>0</v>
      </c>
      <c r="K25" s="13">
        <v>0</v>
      </c>
      <c r="L25" s="13">
        <v>1844398.15</v>
      </c>
    </row>
    <row r="26" spans="1:12" x14ac:dyDescent="0.25">
      <c r="A26" s="3" t="s">
        <v>53</v>
      </c>
      <c r="B26" s="5" t="s">
        <v>249</v>
      </c>
      <c r="C26" s="13">
        <v>498159854.26999998</v>
      </c>
      <c r="D26" s="13">
        <v>14145432.41</v>
      </c>
      <c r="E26" s="13">
        <v>3646791.64</v>
      </c>
      <c r="F26" s="13">
        <v>12896390.9</v>
      </c>
      <c r="G26" s="13">
        <v>15271124.24</v>
      </c>
      <c r="H26" s="13">
        <v>0</v>
      </c>
      <c r="I26" s="13">
        <v>452200115.07999998</v>
      </c>
      <c r="J26" s="13">
        <v>121693586.76000001</v>
      </c>
      <c r="K26" s="13">
        <v>0</v>
      </c>
      <c r="L26" s="13">
        <v>330506528.31999999</v>
      </c>
    </row>
    <row r="27" spans="1:12" x14ac:dyDescent="0.25">
      <c r="A27" s="4" t="s">
        <v>55</v>
      </c>
      <c r="B27" s="6" t="s">
        <v>250</v>
      </c>
      <c r="C27" s="12">
        <v>1781205968.45</v>
      </c>
      <c r="D27" s="12">
        <v>94796242.430000007</v>
      </c>
      <c r="E27" s="12">
        <v>446022285.33999997</v>
      </c>
      <c r="F27" s="12">
        <v>63515709.640000001</v>
      </c>
      <c r="G27" s="12">
        <v>910362431.99000001</v>
      </c>
      <c r="H27" s="12">
        <v>0</v>
      </c>
      <c r="I27" s="12">
        <v>266509299.05000001</v>
      </c>
      <c r="J27" s="12">
        <v>345050604.43000001</v>
      </c>
      <c r="K27" s="12">
        <v>0</v>
      </c>
      <c r="L27" s="12">
        <v>-78541305.379999995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1"/>
  <sheetViews>
    <sheetView showGridLines="0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.42578125" bestFit="1" customWidth="1"/>
    <col min="4" max="4" width="15.28515625" bestFit="1" customWidth="1"/>
  </cols>
  <sheetData>
    <row r="3" spans="1:4" x14ac:dyDescent="0.25">
      <c r="A3" s="7" t="s">
        <v>0</v>
      </c>
      <c r="B3" s="8"/>
      <c r="C3" s="8"/>
      <c r="D3" s="8"/>
    </row>
    <row r="4" spans="1:4" x14ac:dyDescent="0.25">
      <c r="A4" s="7" t="s">
        <v>1</v>
      </c>
      <c r="B4" s="8"/>
      <c r="C4" s="8"/>
      <c r="D4" s="8"/>
    </row>
    <row r="5" spans="1:4" x14ac:dyDescent="0.25">
      <c r="A5" s="9" t="s">
        <v>251</v>
      </c>
      <c r="B5" s="8"/>
      <c r="C5" s="8"/>
      <c r="D5" s="8"/>
    </row>
    <row r="6" spans="1:4" x14ac:dyDescent="0.25">
      <c r="A6" s="7" t="s">
        <v>3</v>
      </c>
      <c r="B6" s="8"/>
      <c r="C6" s="8"/>
      <c r="D6" s="8"/>
    </row>
    <row r="7" spans="1:4" x14ac:dyDescent="0.25">
      <c r="A7" s="7" t="s">
        <v>4</v>
      </c>
      <c r="B7" s="8"/>
      <c r="C7" s="8"/>
      <c r="D7" s="8"/>
    </row>
    <row r="9" spans="1:4" x14ac:dyDescent="0.25">
      <c r="A9" s="10" t="s">
        <v>252</v>
      </c>
      <c r="B9" s="8"/>
      <c r="C9" s="8"/>
      <c r="D9" s="8"/>
    </row>
    <row r="10" spans="1:4" x14ac:dyDescent="0.25">
      <c r="A10" s="11" t="s">
        <v>6</v>
      </c>
      <c r="B10" s="11" t="s">
        <v>253</v>
      </c>
      <c r="C10" s="11" t="s">
        <v>254</v>
      </c>
    </row>
    <row r="11" spans="1:4" x14ac:dyDescent="0.25">
      <c r="A11" s="11" t="s">
        <v>7</v>
      </c>
      <c r="B11" s="11" t="s">
        <v>7</v>
      </c>
      <c r="C11" s="11" t="s">
        <v>7</v>
      </c>
    </row>
    <row r="12" spans="1:4" x14ac:dyDescent="0.25">
      <c r="A12" s="3" t="s">
        <v>24</v>
      </c>
      <c r="B12" s="5" t="s">
        <v>255</v>
      </c>
      <c r="C12" s="13">
        <v>12012249489.57</v>
      </c>
    </row>
    <row r="13" spans="1:4" x14ac:dyDescent="0.25">
      <c r="A13" s="3" t="s">
        <v>26</v>
      </c>
      <c r="B13" s="5" t="s">
        <v>256</v>
      </c>
      <c r="C13" s="13">
        <v>12005913996.67</v>
      </c>
    </row>
    <row r="15" spans="1:4" x14ac:dyDescent="0.25">
      <c r="A15" s="11" t="s">
        <v>6</v>
      </c>
      <c r="B15" s="11" t="s">
        <v>8</v>
      </c>
      <c r="C15" s="11" t="s">
        <v>58</v>
      </c>
      <c r="D15" s="11" t="s">
        <v>59</v>
      </c>
    </row>
    <row r="16" spans="1:4" x14ac:dyDescent="0.25">
      <c r="A16" s="11" t="s">
        <v>7</v>
      </c>
      <c r="B16" s="11" t="s">
        <v>7</v>
      </c>
      <c r="C16" s="11" t="s">
        <v>7</v>
      </c>
      <c r="D16" s="11" t="s">
        <v>7</v>
      </c>
    </row>
    <row r="17" spans="1:4" x14ac:dyDescent="0.25">
      <c r="A17" s="3" t="s">
        <v>28</v>
      </c>
      <c r="B17" s="5" t="s">
        <v>257</v>
      </c>
      <c r="C17" s="13">
        <v>6916714188.2700005</v>
      </c>
      <c r="D17" s="13">
        <v>57.61</v>
      </c>
    </row>
    <row r="18" spans="1:4" x14ac:dyDescent="0.25">
      <c r="A18" s="3" t="s">
        <v>30</v>
      </c>
      <c r="B18" s="5" t="s">
        <v>69</v>
      </c>
      <c r="C18" s="13">
        <v>7203548398</v>
      </c>
      <c r="D18" s="13">
        <v>60</v>
      </c>
    </row>
    <row r="19" spans="1:4" x14ac:dyDescent="0.25">
      <c r="A19" s="3" t="s">
        <v>32</v>
      </c>
      <c r="B19" s="5" t="s">
        <v>71</v>
      </c>
      <c r="C19" s="13">
        <v>6843370978.1000004</v>
      </c>
      <c r="D19" s="13">
        <v>57</v>
      </c>
    </row>
    <row r="20" spans="1:4" x14ac:dyDescent="0.25">
      <c r="A20" s="3" t="s">
        <v>35</v>
      </c>
      <c r="B20" s="5" t="s">
        <v>73</v>
      </c>
      <c r="C20" s="13">
        <v>6483193558.1999998</v>
      </c>
      <c r="D20" s="13">
        <v>54</v>
      </c>
    </row>
    <row r="22" spans="1:4" x14ac:dyDescent="0.25">
      <c r="A22" s="11" t="s">
        <v>6</v>
      </c>
      <c r="B22" s="11" t="s">
        <v>91</v>
      </c>
      <c r="C22" s="11" t="s">
        <v>58</v>
      </c>
      <c r="D22" s="11" t="s">
        <v>206</v>
      </c>
    </row>
    <row r="23" spans="1:4" x14ac:dyDescent="0.25">
      <c r="A23" s="11" t="s">
        <v>7</v>
      </c>
      <c r="B23" s="11" t="s">
        <v>7</v>
      </c>
      <c r="C23" s="11" t="s">
        <v>7</v>
      </c>
      <c r="D23" s="11" t="s">
        <v>7</v>
      </c>
    </row>
    <row r="24" spans="1:4" x14ac:dyDescent="0.25">
      <c r="A24" s="3" t="s">
        <v>37</v>
      </c>
      <c r="B24" s="5" t="s">
        <v>258</v>
      </c>
      <c r="C24" s="13">
        <v>7336176672.8699999</v>
      </c>
      <c r="D24" s="13">
        <v>61.07</v>
      </c>
    </row>
    <row r="25" spans="1:4" x14ac:dyDescent="0.25">
      <c r="A25" s="3" t="s">
        <v>39</v>
      </c>
      <c r="B25" s="5" t="s">
        <v>259</v>
      </c>
      <c r="C25" s="13">
        <v>24024498979.139999</v>
      </c>
      <c r="D25" s="13">
        <v>200</v>
      </c>
    </row>
    <row r="27" spans="1:4" x14ac:dyDescent="0.25">
      <c r="A27" s="11" t="s">
        <v>6</v>
      </c>
      <c r="B27" s="11" t="s">
        <v>260</v>
      </c>
      <c r="C27" s="11" t="s">
        <v>58</v>
      </c>
      <c r="D27" s="11" t="s">
        <v>206</v>
      </c>
    </row>
    <row r="28" spans="1:4" x14ac:dyDescent="0.25">
      <c r="A28" s="11" t="s">
        <v>7</v>
      </c>
      <c r="B28" s="11" t="s">
        <v>7</v>
      </c>
      <c r="C28" s="11" t="s">
        <v>7</v>
      </c>
      <c r="D28" s="11" t="s">
        <v>7</v>
      </c>
    </row>
    <row r="29" spans="1:4" x14ac:dyDescent="0.25">
      <c r="A29" s="3" t="s">
        <v>41</v>
      </c>
      <c r="B29" s="5" t="s">
        <v>261</v>
      </c>
      <c r="C29" s="13">
        <v>0</v>
      </c>
      <c r="D29" s="13">
        <v>0</v>
      </c>
    </row>
    <row r="30" spans="1:4" x14ac:dyDescent="0.25">
      <c r="A30" s="3" t="s">
        <v>43</v>
      </c>
      <c r="B30" s="5" t="s">
        <v>259</v>
      </c>
      <c r="C30" s="13">
        <v>2642694887.71</v>
      </c>
      <c r="D30" s="13">
        <v>22</v>
      </c>
    </row>
    <row r="32" spans="1:4" x14ac:dyDescent="0.25">
      <c r="A32" s="11" t="s">
        <v>6</v>
      </c>
      <c r="B32" s="11" t="s">
        <v>189</v>
      </c>
      <c r="C32" s="11" t="s">
        <v>58</v>
      </c>
      <c r="D32" s="11" t="s">
        <v>206</v>
      </c>
    </row>
    <row r="33" spans="1:4" x14ac:dyDescent="0.25">
      <c r="A33" s="11" t="s">
        <v>7</v>
      </c>
      <c r="B33" s="11" t="s">
        <v>7</v>
      </c>
      <c r="C33" s="11" t="s">
        <v>7</v>
      </c>
      <c r="D33" s="11" t="s">
        <v>7</v>
      </c>
    </row>
    <row r="34" spans="1:4" x14ac:dyDescent="0.25">
      <c r="A34" s="3" t="s">
        <v>45</v>
      </c>
      <c r="B34" s="5" t="s">
        <v>262</v>
      </c>
      <c r="C34" s="13">
        <v>11562423.890000001</v>
      </c>
      <c r="D34" s="13">
        <v>0.1</v>
      </c>
    </row>
    <row r="35" spans="1:4" x14ac:dyDescent="0.25">
      <c r="A35" s="3" t="s">
        <v>47</v>
      </c>
      <c r="B35" s="5" t="s">
        <v>263</v>
      </c>
      <c r="C35" s="13">
        <v>1921959918.3299999</v>
      </c>
      <c r="D35" s="13">
        <v>16</v>
      </c>
    </row>
    <row r="36" spans="1:4" x14ac:dyDescent="0.25">
      <c r="A36" s="3" t="s">
        <v>49</v>
      </c>
      <c r="B36" s="5" t="s">
        <v>264</v>
      </c>
      <c r="C36" s="13">
        <v>0</v>
      </c>
      <c r="D36" s="13">
        <v>0</v>
      </c>
    </row>
    <row r="37" spans="1:4" x14ac:dyDescent="0.25">
      <c r="A37" s="3" t="s">
        <v>51</v>
      </c>
      <c r="B37" s="5" t="s">
        <v>265</v>
      </c>
      <c r="C37" s="13">
        <v>840857464.26999998</v>
      </c>
      <c r="D37" s="13">
        <v>7</v>
      </c>
    </row>
    <row r="39" spans="1:4" x14ac:dyDescent="0.25">
      <c r="A39" s="11" t="s">
        <v>6</v>
      </c>
      <c r="B39" s="11" t="s">
        <v>266</v>
      </c>
      <c r="C39" s="11" t="s">
        <v>267</v>
      </c>
      <c r="D39" s="11" t="s">
        <v>268</v>
      </c>
    </row>
    <row r="40" spans="1:4" x14ac:dyDescent="0.25">
      <c r="A40" s="11" t="s">
        <v>7</v>
      </c>
      <c r="B40" s="11" t="s">
        <v>7</v>
      </c>
      <c r="C40" s="11" t="s">
        <v>7</v>
      </c>
      <c r="D40" s="11" t="s">
        <v>7</v>
      </c>
    </row>
    <row r="41" spans="1:4" x14ac:dyDescent="0.25">
      <c r="A41" s="3" t="s">
        <v>53</v>
      </c>
      <c r="B41" s="5" t="s">
        <v>269</v>
      </c>
      <c r="C41" s="13">
        <v>345050604.43000001</v>
      </c>
      <c r="D41" s="13">
        <v>266509299.05000001</v>
      </c>
    </row>
  </sheetData>
  <mergeCells count="29">
    <mergeCell ref="A32:A33"/>
    <mergeCell ref="B32:B33"/>
    <mergeCell ref="C32:C33"/>
    <mergeCell ref="D32:D33"/>
    <mergeCell ref="A39:A40"/>
    <mergeCell ref="B39:B40"/>
    <mergeCell ref="C39:C40"/>
    <mergeCell ref="D39:D40"/>
    <mergeCell ref="A22:A23"/>
    <mergeCell ref="B22:B23"/>
    <mergeCell ref="C22:C23"/>
    <mergeCell ref="D22:D23"/>
    <mergeCell ref="A27:A28"/>
    <mergeCell ref="B27:B28"/>
    <mergeCell ref="C27:C28"/>
    <mergeCell ref="D27:D28"/>
    <mergeCell ref="A9:D9"/>
    <mergeCell ref="A10:A11"/>
    <mergeCell ref="B10:B11"/>
    <mergeCell ref="C10:C11"/>
    <mergeCell ref="A15:A16"/>
    <mergeCell ref="B15:B16"/>
    <mergeCell ref="C15:C16"/>
    <mergeCell ref="D15:D16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2-27T16:04:32Z</dcterms:created>
  <dcterms:modified xsi:type="dcterms:W3CDTF">2020-02-27T16:09:07Z</dcterms:modified>
</cp:coreProperties>
</file>